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EA5D34" w:rsidRPr="00972921" w:rsidRDefault="00972921" w:rsidP="00FC2D44">
      <w:pPr>
        <w:rPr>
          <w:rFonts w:ascii="Times New Roman" w:hAnsi="Times New Roman" w:cs="Times New Roman"/>
          <w:sz w:val="32"/>
          <w:szCs w:val="28"/>
        </w:rPr>
      </w:pPr>
      <w:r>
        <w:rPr>
          <w:rFonts w:ascii="Times New Roman" w:hAnsi="Times New Roman" w:cs="Times New Roman"/>
          <w:noProof/>
          <w:sz w:val="32"/>
          <w:szCs w:val="28"/>
          <w:lang w:eastAsia="ru-RU"/>
        </w:rPr>
        <w:drawing>
          <wp:inline distT="0" distB="0" distL="0" distR="0">
            <wp:extent cx="6895465" cy="9481264"/>
            <wp:effectExtent l="19050" t="0" r="635" b="0"/>
            <wp:docPr id="3" name="Рисунок 3" descr="C:\Users\s13\Desktop\план увр 22-23\1.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3\Desktop\план увр 22-23\1.001.jpg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95465" cy="948126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dt>
      <w:sdtPr>
        <w:rPr>
          <w:rFonts w:asciiTheme="minorHAnsi" w:eastAsiaTheme="minorHAnsi" w:hAnsiTheme="minorHAnsi" w:cstheme="minorBidi"/>
          <w:sz w:val="22"/>
          <w:szCs w:val="22"/>
          <w:lang w:eastAsia="en-US"/>
        </w:rPr>
        <w:id w:val="1027603734"/>
        <w:docPartObj>
          <w:docPartGallery w:val="Table of Contents"/>
          <w:docPartUnique/>
        </w:docPartObj>
      </w:sdtPr>
      <w:sdtEndPr>
        <w:rPr>
          <w:b/>
          <w:bCs/>
        </w:rPr>
      </w:sdtEndPr>
      <w:sdtContent>
        <w:p w:rsidR="004F6EA6" w:rsidRDefault="004F6EA6">
          <w:pPr>
            <w:pStyle w:val="af2"/>
          </w:pPr>
          <w:r>
            <w:t>Оглавление</w:t>
          </w:r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r w:rsidRPr="008026C5">
            <w:fldChar w:fldCharType="begin"/>
          </w:r>
          <w:r w:rsidR="004F6EA6">
            <w:instrText xml:space="preserve"> TOC \o "1-3" \h \z \u </w:instrText>
          </w:r>
          <w:r w:rsidRPr="008026C5">
            <w:fldChar w:fldCharType="separate"/>
          </w:r>
          <w:hyperlink w:anchor="_Toc120516838" w:history="1">
            <w:r w:rsidR="004F6EA6" w:rsidRPr="0099302A">
              <w:rPr>
                <w:rStyle w:val="af3"/>
                <w:noProof/>
              </w:rPr>
              <w:t>Основные направления работы МБОУ СОШ №13 им. К. Хетагурова в соответствии с программой развития школы: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3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39" w:history="1">
            <w:r w:rsidR="004F6EA6" w:rsidRPr="0099302A">
              <w:rPr>
                <w:rStyle w:val="af3"/>
                <w:noProof/>
              </w:rPr>
              <w:t>Управленческая деятельность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3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40" w:history="1">
            <w:r w:rsidR="004F6EA6" w:rsidRPr="0099302A">
              <w:rPr>
                <w:rStyle w:val="af3"/>
                <w:noProof/>
              </w:rPr>
              <w:t>Педагогическая деятельность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33"/>
            <w:tabs>
              <w:tab w:val="right" w:leader="dot" w:pos="11274"/>
            </w:tabs>
            <w:rPr>
              <w:rFonts w:cstheme="minorBidi"/>
              <w:noProof/>
            </w:rPr>
          </w:pPr>
          <w:hyperlink w:anchor="_Toc120516841" w:history="1">
            <w:r w:rsidR="004F6EA6" w:rsidRPr="0099302A">
              <w:rPr>
                <w:rStyle w:val="af3"/>
                <w:noProof/>
              </w:rPr>
              <w:t>I. Организация деятельности школы, направленная на обеспечение успеваемости и качества знаний в соответствии с современными требованиями к начальному, основному общему образованию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42" w:history="1">
            <w:r w:rsidR="004F6EA6" w:rsidRPr="0099302A">
              <w:rPr>
                <w:rStyle w:val="af3"/>
                <w:noProof/>
              </w:rPr>
              <w:t>План работы по всеобучу на 2022-2023 учебный год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43" w:history="1">
            <w:r w:rsidR="004F6EA6" w:rsidRPr="0099302A">
              <w:rPr>
                <w:rStyle w:val="af3"/>
                <w:noProof/>
              </w:rPr>
              <w:t>План работы по реализации ФГОС НОО (1 класс) и ФГОС ООО (5 класс)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44" w:history="1">
            <w:r w:rsidR="004F6EA6" w:rsidRPr="0099302A">
              <w:rPr>
                <w:rStyle w:val="af3"/>
                <w:noProof/>
              </w:rPr>
              <w:t>План работы по предупреждению неуспеваемости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45" w:history="1">
            <w:r w:rsidR="004F6EA6" w:rsidRPr="0099302A">
              <w:rPr>
                <w:rStyle w:val="af3"/>
                <w:noProof/>
              </w:rPr>
              <w:t>II. Организационно-педагогические мероприятия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46" w:history="1">
            <w:r w:rsidR="004F6EA6" w:rsidRPr="0099302A">
              <w:rPr>
                <w:rStyle w:val="af3"/>
                <w:noProof/>
              </w:rPr>
              <w:t>План проведения административных совещаний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47" w:history="1">
            <w:r w:rsidR="004F6EA6" w:rsidRPr="0099302A">
              <w:rPr>
                <w:rStyle w:val="af3"/>
                <w:noProof/>
              </w:rPr>
              <w:t>III. Методическая работа школы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48" w:history="1">
            <w:r w:rsidR="004F6EA6" w:rsidRPr="0099302A">
              <w:rPr>
                <w:rStyle w:val="af3"/>
                <w:noProof/>
              </w:rPr>
              <w:t>Ключевые направления школы: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49" w:history="1">
            <w:r w:rsidR="004F6EA6" w:rsidRPr="0099302A">
              <w:rPr>
                <w:rStyle w:val="af3"/>
                <w:noProof/>
              </w:rPr>
              <w:t>Методический совет школы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4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50" w:history="1">
            <w:r w:rsidR="004F6EA6" w:rsidRPr="0099302A">
              <w:rPr>
                <w:rStyle w:val="af3"/>
                <w:noProof/>
              </w:rPr>
              <w:t>График проведения предметных недель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51" w:history="1">
            <w:r w:rsidR="004F6EA6" w:rsidRPr="0099302A">
              <w:rPr>
                <w:rStyle w:val="af3"/>
                <w:noProof/>
              </w:rPr>
              <w:t>IV. Организация работы с кадрами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52" w:history="1">
            <w:r w:rsidR="004F6EA6" w:rsidRPr="0099302A">
              <w:rPr>
                <w:rStyle w:val="af3"/>
                <w:noProof/>
              </w:rPr>
              <w:t>План работы с педагогическими кадрами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53" w:history="1">
            <w:r w:rsidR="004F6EA6" w:rsidRPr="0099302A">
              <w:rPr>
                <w:rStyle w:val="af3"/>
                <w:noProof/>
              </w:rPr>
              <w:t>План подготовки и проведения аттестации педагогических работников в 2022-2023 учебном году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54" w:history="1">
            <w:r w:rsidR="004F6EA6" w:rsidRPr="0099302A">
              <w:rPr>
                <w:rStyle w:val="af3"/>
                <w:noProof/>
              </w:rPr>
              <w:t>V. Деятельность педагогического коллектива, направленная на улучшение образовательного процесса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55" w:history="1">
            <w:r w:rsidR="004F6EA6" w:rsidRPr="0099302A">
              <w:rPr>
                <w:rStyle w:val="af3"/>
                <w:noProof/>
              </w:rPr>
              <w:t>План мероприятий по подготовке к государственной  (итоговой) аттестации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33"/>
            <w:tabs>
              <w:tab w:val="right" w:leader="dot" w:pos="11274"/>
            </w:tabs>
            <w:rPr>
              <w:rFonts w:cstheme="minorBidi"/>
              <w:noProof/>
            </w:rPr>
          </w:pPr>
          <w:hyperlink w:anchor="_Toc120516856" w:history="1">
            <w:r w:rsidR="004F6EA6" w:rsidRPr="0099302A">
              <w:rPr>
                <w:rStyle w:val="af3"/>
                <w:noProof/>
              </w:rPr>
              <w:t>Направления деятельности школы: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18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57" w:history="1">
            <w:r w:rsidR="004F6EA6" w:rsidRPr="0099302A">
              <w:rPr>
                <w:rStyle w:val="af3"/>
                <w:noProof/>
              </w:rPr>
              <w:t>План работы по информатизации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20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58" w:history="1">
            <w:r w:rsidR="004F6EA6" w:rsidRPr="0099302A">
              <w:rPr>
                <w:rStyle w:val="af3"/>
                <w:noProof/>
              </w:rPr>
              <w:t>Внутришкольный контроль на 2022-2023 уч. год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21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59" w:history="1">
            <w:r w:rsidR="004F6EA6" w:rsidRPr="0099302A">
              <w:rPr>
                <w:rStyle w:val="af3"/>
                <w:noProof/>
              </w:rPr>
              <w:t>VII. Мероприятия по социально-психологической поддержке участников образовательного процесса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5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49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0" w:history="1">
            <w:r w:rsidR="004F6EA6" w:rsidRPr="0099302A">
              <w:rPr>
                <w:rStyle w:val="af3"/>
                <w:noProof/>
              </w:rPr>
              <w:t>2. Здоровьесбережение и формирование положительных привычек, норм поведения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50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1" w:history="1">
            <w:r w:rsidR="004F6EA6" w:rsidRPr="0099302A">
              <w:rPr>
                <w:rStyle w:val="af3"/>
                <w:noProof/>
              </w:rPr>
              <w:t>VIII. Система работы по организации охраны труда и предупреждению детского травматизма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5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2" w:history="1">
            <w:r w:rsidR="004F6EA6" w:rsidRPr="0099302A">
              <w:rPr>
                <w:rStyle w:val="af3"/>
                <w:noProof/>
              </w:rPr>
              <w:t>IX. Деятельность педагогического коллектива, направленная на построение и реализацию системы воспитательной работы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5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3" w:history="1">
            <w:r w:rsidR="004F6EA6" w:rsidRPr="0099302A">
              <w:rPr>
                <w:rStyle w:val="af3"/>
                <w:noProof/>
              </w:rPr>
              <w:t>ПЛАН ВОСПИТАТЕЛЬНОЙ РАБОТЫ ШКОЛЫ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5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4" w:history="1">
            <w:r w:rsidR="004F6EA6" w:rsidRPr="0099302A">
              <w:rPr>
                <w:rStyle w:val="af3"/>
                <w:noProof/>
              </w:rPr>
              <w:t>НА 2022-2023 УЧЕБНЫЙ ГОД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5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5" w:history="1">
            <w:r w:rsidR="004F6EA6" w:rsidRPr="0099302A">
              <w:rPr>
                <w:rStyle w:val="af3"/>
                <w:noProof/>
              </w:rPr>
              <w:t>XI. Обеспечение безопасности и совершенствование антитеррористической укрепленности образовательного учреждения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7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6" w:history="1">
            <w:r w:rsidR="004F6EA6" w:rsidRPr="0099302A">
              <w:rPr>
                <w:rStyle w:val="af3"/>
                <w:noProof/>
              </w:rPr>
              <w:t>МЕРОПРИЯТИЯ КОМПЛЕКСНОЙ БЕЗОПАСНОСТИ ШКОЛЫ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7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7" w:history="1">
            <w:r w:rsidR="004F6EA6" w:rsidRPr="0099302A">
              <w:rPr>
                <w:rStyle w:val="af3"/>
                <w:noProof/>
              </w:rPr>
              <w:t>1.Нормативно-правовое обеспечение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7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8" w:history="1">
            <w:r w:rsidR="004F6EA6" w:rsidRPr="0099302A">
              <w:rPr>
                <w:rStyle w:val="af3"/>
                <w:noProof/>
              </w:rPr>
              <w:t>2. Методическое обеспечение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7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22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69" w:history="1">
            <w:r w:rsidR="004F6EA6" w:rsidRPr="0099302A">
              <w:rPr>
                <w:rStyle w:val="af3"/>
                <w:noProof/>
              </w:rPr>
              <w:t>3. Информационное обеспечение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6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7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70" w:history="1">
            <w:r w:rsidR="004F6EA6" w:rsidRPr="0099302A">
              <w:rPr>
                <w:rStyle w:val="af3"/>
                <w:noProof/>
              </w:rPr>
              <w:t>XII. Укрепление материально-технической базы, хозяйственная деятельность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7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78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>
          <w:pPr>
            <w:pStyle w:val="14"/>
            <w:tabs>
              <w:tab w:val="right" w:leader="dot" w:pos="11274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  <w:lang w:eastAsia="ru-RU"/>
            </w:rPr>
          </w:pPr>
          <w:hyperlink w:anchor="_Toc120516871" w:history="1">
            <w:r w:rsidR="004F6EA6" w:rsidRPr="0099302A">
              <w:rPr>
                <w:rStyle w:val="af3"/>
                <w:noProof/>
              </w:rPr>
              <w:t>XIII. Ожидаемые результаты в конце 2022-2023 учебного года.</w:t>
            </w:r>
            <w:r w:rsidR="004F6EA6"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 w:rsidR="004F6EA6">
              <w:rPr>
                <w:noProof/>
                <w:webHidden/>
              </w:rPr>
              <w:instrText xml:space="preserve"> PAGEREF _Toc12051687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421476">
              <w:rPr>
                <w:noProof/>
                <w:webHidden/>
              </w:rPr>
              <w:t>79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F6EA6" w:rsidRDefault="008026C5" w:rsidP="00153F86">
          <w:r>
            <w:rPr>
              <w:b/>
              <w:bCs/>
            </w:rPr>
            <w:fldChar w:fldCharType="end"/>
          </w:r>
        </w:p>
      </w:sdtContent>
    </w:sdt>
    <w:bookmarkStart w:id="0" w:name="_Toc120516838" w:displacedByCustomXml="prev"/>
    <w:p w:rsidR="0039058F" w:rsidRPr="004F6EA6" w:rsidRDefault="00E874F6" w:rsidP="00185E8A">
      <w:pPr>
        <w:pStyle w:val="1"/>
        <w:rPr>
          <w:lang w:val="ru-RU"/>
        </w:rPr>
      </w:pPr>
      <w:r w:rsidRPr="004F6EA6">
        <w:rPr>
          <w:lang w:val="ru-RU"/>
        </w:rPr>
        <w:lastRenderedPageBreak/>
        <w:t xml:space="preserve">Основные направления работы </w:t>
      </w:r>
      <w:r w:rsidR="00EA5D34" w:rsidRPr="004F6EA6">
        <w:rPr>
          <w:lang w:val="ru-RU"/>
        </w:rPr>
        <w:t xml:space="preserve">МБОУ СОШ №13 им. К. Хетагурова </w:t>
      </w:r>
      <w:r w:rsidRPr="004F6EA6">
        <w:rPr>
          <w:lang w:val="ru-RU"/>
        </w:rPr>
        <w:t>в соответствии с программой развития школы:</w:t>
      </w:r>
      <w:bookmarkEnd w:id="0"/>
      <w:r w:rsidRPr="004F6EA6">
        <w:rPr>
          <w:lang w:val="ru-RU"/>
        </w:rPr>
        <w:t xml:space="preserve"> </w:t>
      </w:r>
    </w:p>
    <w:p w:rsidR="0039058F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реализация приоритетного национального проекта «Образование» механизма системных изменений и инновационных преобразований;</w:t>
      </w:r>
    </w:p>
    <w:p w:rsidR="0039058F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-обеспечение качества и доступности образования;</w:t>
      </w:r>
    </w:p>
    <w:p w:rsidR="0039058F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-обновление школьного содержания и структуры образования на основе </w:t>
      </w:r>
      <w:r w:rsidR="00E0227D" w:rsidRPr="00085F16">
        <w:rPr>
          <w:rFonts w:ascii="Times New Roman" w:hAnsi="Times New Roman" w:cs="Times New Roman"/>
          <w:sz w:val="24"/>
          <w:szCs w:val="24"/>
        </w:rPr>
        <w:t>введенных</w:t>
      </w:r>
      <w:r w:rsidRPr="00085F16">
        <w:rPr>
          <w:rFonts w:ascii="Times New Roman" w:hAnsi="Times New Roman" w:cs="Times New Roman"/>
          <w:sz w:val="24"/>
          <w:szCs w:val="24"/>
        </w:rPr>
        <w:t xml:space="preserve"> </w:t>
      </w:r>
      <w:r w:rsidR="000B30B1" w:rsidRPr="00085F16">
        <w:rPr>
          <w:rFonts w:ascii="Times New Roman" w:hAnsi="Times New Roman" w:cs="Times New Roman"/>
          <w:sz w:val="24"/>
          <w:szCs w:val="24"/>
        </w:rPr>
        <w:t>ФГОС-2021</w:t>
      </w:r>
      <w:r w:rsidRPr="00085F16">
        <w:rPr>
          <w:rFonts w:ascii="Times New Roman" w:hAnsi="Times New Roman" w:cs="Times New Roman"/>
          <w:sz w:val="24"/>
          <w:szCs w:val="24"/>
        </w:rPr>
        <w:t>;</w:t>
      </w:r>
    </w:p>
    <w:p w:rsidR="0039058F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- повышение эффективности и результативности образовательного и воспитательного процесса в школе;</w:t>
      </w:r>
    </w:p>
    <w:p w:rsidR="00EA5D34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- улучшение качества проведения консультационных занятий, внеклассной работы и дополнительного образования</w:t>
      </w:r>
      <w:r w:rsidR="00EA5D34" w:rsidRPr="00085F16">
        <w:rPr>
          <w:rFonts w:ascii="Times New Roman" w:hAnsi="Times New Roman" w:cs="Times New Roman"/>
          <w:sz w:val="24"/>
          <w:szCs w:val="24"/>
        </w:rPr>
        <w:t>;</w:t>
      </w:r>
    </w:p>
    <w:p w:rsidR="0039058F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- развитие социально-значимых качеств </w:t>
      </w:r>
      <w:r w:rsidR="000B30B1" w:rsidRPr="00085F16">
        <w:rPr>
          <w:rFonts w:ascii="Times New Roman" w:hAnsi="Times New Roman" w:cs="Times New Roman"/>
          <w:sz w:val="24"/>
          <w:szCs w:val="24"/>
        </w:rPr>
        <w:t>обучающихся</w:t>
      </w:r>
      <w:r w:rsidRPr="00085F16">
        <w:rPr>
          <w:rFonts w:ascii="Times New Roman" w:hAnsi="Times New Roman" w:cs="Times New Roman"/>
          <w:sz w:val="24"/>
          <w:szCs w:val="24"/>
        </w:rPr>
        <w:t>;</w:t>
      </w:r>
    </w:p>
    <w:p w:rsidR="00E874F6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- совершенствование системы предпрофильного обучения;</w:t>
      </w:r>
    </w:p>
    <w:p w:rsidR="00E874F6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- обеспечение оптимального уровня квалификации педагогических кадров, необходимого для успешного развития и функционирования школы; </w:t>
      </w:r>
    </w:p>
    <w:p w:rsidR="00E874F6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 совершенствование работы, направленной на сохранение и укрепление здоровья школьников</w:t>
      </w:r>
      <w:r w:rsidR="00E874F6" w:rsidRPr="00085F16">
        <w:rPr>
          <w:rFonts w:ascii="Times New Roman" w:hAnsi="Times New Roman" w:cs="Times New Roman"/>
          <w:sz w:val="24"/>
          <w:szCs w:val="24"/>
        </w:rPr>
        <w:t>,</w:t>
      </w:r>
      <w:r w:rsidRPr="00085F16">
        <w:rPr>
          <w:rFonts w:ascii="Times New Roman" w:hAnsi="Times New Roman" w:cs="Times New Roman"/>
          <w:sz w:val="24"/>
          <w:szCs w:val="24"/>
        </w:rPr>
        <w:t xml:space="preserve"> и привитие им навыков здорового образа жизни; </w:t>
      </w:r>
    </w:p>
    <w:p w:rsidR="00EA5D34" w:rsidRPr="00085F16" w:rsidRDefault="00EA5D34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 формирование патриотизма и культуры межнациональных отношений, знание истории, культурных традиций и обычаев осетинского народа;</w:t>
      </w:r>
    </w:p>
    <w:p w:rsidR="00E874F6" w:rsidRPr="00085F16" w:rsidRDefault="0039058F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 организация работы по планомерной подготовке школьников к сдаче ГИА в форме ОГЭ</w:t>
      </w:r>
      <w:r w:rsidR="00EA5D34" w:rsidRPr="00085F16">
        <w:rPr>
          <w:rFonts w:ascii="Times New Roman" w:hAnsi="Times New Roman" w:cs="Times New Roman"/>
          <w:sz w:val="24"/>
          <w:szCs w:val="24"/>
        </w:rPr>
        <w:t xml:space="preserve"> и ЕГЭ</w:t>
      </w:r>
      <w:r w:rsidR="00E874F6" w:rsidRPr="00085F16">
        <w:rPr>
          <w:rFonts w:ascii="Times New Roman" w:hAnsi="Times New Roman" w:cs="Times New Roman"/>
          <w:sz w:val="24"/>
          <w:szCs w:val="24"/>
        </w:rPr>
        <w:t>.</w:t>
      </w:r>
      <w:r w:rsidRPr="00085F16">
        <w:rPr>
          <w:rFonts w:ascii="Times New Roman" w:hAnsi="Times New Roman" w:cs="Times New Roman"/>
          <w:sz w:val="24"/>
          <w:szCs w:val="24"/>
        </w:rPr>
        <w:t xml:space="preserve"> </w:t>
      </w:r>
    </w:p>
    <w:p w:rsidR="00E874F6" w:rsidRPr="00085F16" w:rsidRDefault="0039058F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</w:t>
      </w:r>
      <w:r w:rsidR="00E874F6" w:rsidRPr="00085F16">
        <w:rPr>
          <w:rFonts w:ascii="Times New Roman" w:hAnsi="Times New Roman" w:cs="Times New Roman"/>
          <w:b/>
          <w:sz w:val="24"/>
          <w:szCs w:val="24"/>
        </w:rPr>
        <w:t>Проблема школы</w:t>
      </w:r>
      <w:r w:rsidRPr="00085F16">
        <w:rPr>
          <w:rFonts w:ascii="Times New Roman" w:hAnsi="Times New Roman" w:cs="Times New Roman"/>
          <w:b/>
          <w:sz w:val="24"/>
          <w:szCs w:val="24"/>
        </w:rPr>
        <w:t>:</w:t>
      </w:r>
      <w:r w:rsidRPr="00085F16">
        <w:rPr>
          <w:rFonts w:ascii="Times New Roman" w:hAnsi="Times New Roman" w:cs="Times New Roman"/>
          <w:sz w:val="24"/>
          <w:szCs w:val="24"/>
        </w:rPr>
        <w:t xml:space="preserve"> </w:t>
      </w:r>
      <w:r w:rsidR="00E0227D" w:rsidRPr="00085F16">
        <w:rPr>
          <w:rFonts w:ascii="Times New Roman" w:hAnsi="Times New Roman" w:cs="Times New Roman"/>
          <w:sz w:val="24"/>
          <w:szCs w:val="24"/>
        </w:rPr>
        <w:t>Функциональная грамотность как ключевой приоритет в развитии качества образования.</w:t>
      </w:r>
    </w:p>
    <w:p w:rsidR="00E874F6" w:rsidRPr="00085F16" w:rsidRDefault="00E874F6" w:rsidP="00085F16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E874F6" w:rsidRPr="005124FB" w:rsidRDefault="0039058F" w:rsidP="005124FB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</w:t>
      </w:r>
      <w:r w:rsidR="00E874F6" w:rsidRPr="00085F16">
        <w:rPr>
          <w:rFonts w:ascii="Times New Roman" w:hAnsi="Times New Roman" w:cs="Times New Roman"/>
          <w:b/>
          <w:sz w:val="24"/>
          <w:szCs w:val="24"/>
        </w:rPr>
        <w:t>Цель работы</w:t>
      </w:r>
      <w:r w:rsidRPr="00085F16">
        <w:rPr>
          <w:rFonts w:ascii="Times New Roman" w:hAnsi="Times New Roman" w:cs="Times New Roman"/>
          <w:b/>
          <w:sz w:val="24"/>
          <w:szCs w:val="24"/>
        </w:rPr>
        <w:t>:</w:t>
      </w:r>
      <w:r w:rsidRPr="00085F16">
        <w:rPr>
          <w:rFonts w:ascii="Times New Roman" w:hAnsi="Times New Roman" w:cs="Times New Roman"/>
          <w:sz w:val="24"/>
          <w:szCs w:val="24"/>
        </w:rPr>
        <w:t xml:space="preserve"> Создать благоприятные условия для становления и развития субъектно-субъектных отношений всех участников образовательного процесса, развития личности школьника, удовлетворения его образовательных и творческих потребностей; формирования способности к личностно и социально значимой самореализации в условиях конкурентной среды.</w:t>
      </w:r>
    </w:p>
    <w:p w:rsidR="00404BBC" w:rsidRPr="00085F16" w:rsidRDefault="00404BBC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>Тема школы:</w:t>
      </w:r>
      <w:r w:rsidRPr="00085F16">
        <w:rPr>
          <w:rFonts w:ascii="Times New Roman" w:hAnsi="Times New Roman" w:cs="Times New Roman"/>
          <w:sz w:val="24"/>
          <w:szCs w:val="24"/>
        </w:rPr>
        <w:t xml:space="preserve"> </w:t>
      </w:r>
      <w:r w:rsidR="00E0227D" w:rsidRPr="00085F16">
        <w:rPr>
          <w:rFonts w:ascii="Times New Roman" w:hAnsi="Times New Roman" w:cs="Times New Roman"/>
          <w:sz w:val="24"/>
          <w:szCs w:val="24"/>
          <w:u w:val="single"/>
        </w:rPr>
        <w:t>Создание условий для обеспечения позитивной динамики школы как открытой системы обладающей конкурентоспособностью, способствующей развитию образовательной среды на основе ФГОС и обновленных ФГОС НОО и ООО.</w:t>
      </w:r>
    </w:p>
    <w:p w:rsidR="007F1868" w:rsidRPr="00185E8A" w:rsidRDefault="007F1868" w:rsidP="00185E8A">
      <w:pPr>
        <w:pStyle w:val="2"/>
      </w:pPr>
      <w:bookmarkStart w:id="1" w:name="_Toc120516839"/>
      <w:r w:rsidRPr="00185E8A">
        <w:t>Управленческая деятельность</w:t>
      </w:r>
      <w:bookmarkEnd w:id="1"/>
      <w:r w:rsidRPr="00185E8A">
        <w:t xml:space="preserve"> </w:t>
      </w:r>
    </w:p>
    <w:p w:rsidR="007F1868" w:rsidRPr="00085F16" w:rsidRDefault="007F1868" w:rsidP="007C65A1">
      <w:pPr>
        <w:pStyle w:val="a8"/>
        <w:numPr>
          <w:ilvl w:val="0"/>
          <w:numId w:val="19"/>
        </w:num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sz w:val="24"/>
          <w:szCs w:val="24"/>
        </w:rPr>
        <w:t>Продолжить реализацию ООП НОО и ООП ООО в рамках созданных условий и в соответствии с требованиями ФГОС.</w:t>
      </w:r>
    </w:p>
    <w:p w:rsidR="007F1868" w:rsidRPr="00085F16" w:rsidRDefault="007F1868" w:rsidP="007C65A1">
      <w:pPr>
        <w:pStyle w:val="a8"/>
        <w:numPr>
          <w:ilvl w:val="0"/>
          <w:numId w:val="19"/>
        </w:num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Обеспечить условия для дифференциации содержания образования с учетом потребностей и интересов обучающихся</w:t>
      </w:r>
    </w:p>
    <w:p w:rsidR="007F1868" w:rsidRPr="00085F16" w:rsidRDefault="007F1868" w:rsidP="007C65A1">
      <w:pPr>
        <w:pStyle w:val="a8"/>
        <w:numPr>
          <w:ilvl w:val="0"/>
          <w:numId w:val="19"/>
        </w:num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Создать условия для реализации права обучающихся на индивидуальную траекторию обучения для следующих категорий:</w:t>
      </w:r>
    </w:p>
    <w:p w:rsidR="007F1868" w:rsidRPr="00085F16" w:rsidRDefault="007F1868" w:rsidP="00085F16">
      <w:pPr>
        <w:pStyle w:val="a8"/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 Одаренные и высокомотивированные обучающиеся</w:t>
      </w:r>
      <w:r w:rsidR="00080FEA" w:rsidRPr="00085F16">
        <w:rPr>
          <w:rFonts w:ascii="Times New Roman" w:hAnsi="Times New Roman" w:cs="Times New Roman"/>
          <w:sz w:val="24"/>
          <w:szCs w:val="24"/>
        </w:rPr>
        <w:t>;</w:t>
      </w:r>
    </w:p>
    <w:p w:rsidR="007F1868" w:rsidRPr="00085F16" w:rsidRDefault="007F1868" w:rsidP="00085F16">
      <w:pPr>
        <w:pStyle w:val="a8"/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lastRenderedPageBreak/>
        <w:t xml:space="preserve"> - Дети с ОВЗ и нуждающиеся в длительном лечении. </w:t>
      </w:r>
    </w:p>
    <w:p w:rsidR="006C03BB" w:rsidRPr="00085F16" w:rsidRDefault="007F1868" w:rsidP="007C65A1">
      <w:pPr>
        <w:pStyle w:val="a8"/>
        <w:numPr>
          <w:ilvl w:val="0"/>
          <w:numId w:val="20"/>
        </w:num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sz w:val="24"/>
          <w:szCs w:val="24"/>
        </w:rPr>
        <w:t>Продолжить создание условий для творческой самореализации обучающихся с учетом их интересов, потребностей в разнообразных сферах человеческой деятельности через воспитательную систему школы, дополнительное образование, внеурочную деятельность</w:t>
      </w:r>
      <w:r w:rsidR="006C03BB" w:rsidRPr="00085F16">
        <w:rPr>
          <w:rFonts w:ascii="Times New Roman" w:hAnsi="Times New Roman" w:cs="Times New Roman"/>
          <w:sz w:val="24"/>
          <w:szCs w:val="24"/>
        </w:rPr>
        <w:t>;</w:t>
      </w:r>
    </w:p>
    <w:p w:rsidR="006C03BB" w:rsidRPr="00085F16" w:rsidRDefault="006C03BB" w:rsidP="007C65A1">
      <w:pPr>
        <w:pStyle w:val="a8"/>
        <w:numPr>
          <w:ilvl w:val="0"/>
          <w:numId w:val="20"/>
        </w:num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sz w:val="24"/>
          <w:szCs w:val="24"/>
        </w:rPr>
        <w:t>Применять дистанционные технологии в период неблагополучной санитарно-</w:t>
      </w:r>
      <w:r w:rsidRPr="00085F16">
        <w:rPr>
          <w:rFonts w:ascii="Times New Roman" w:hAnsi="Times New Roman" w:cs="Times New Roman"/>
          <w:spacing w:val="1"/>
          <w:sz w:val="24"/>
          <w:szCs w:val="24"/>
        </w:rPr>
        <w:t xml:space="preserve"> </w:t>
      </w:r>
      <w:r w:rsidRPr="00085F16">
        <w:rPr>
          <w:rFonts w:ascii="Times New Roman" w:hAnsi="Times New Roman" w:cs="Times New Roman"/>
          <w:sz w:val="24"/>
          <w:szCs w:val="24"/>
        </w:rPr>
        <w:t>эпидемиологической ситуации.</w:t>
      </w:r>
    </w:p>
    <w:p w:rsidR="006C03BB" w:rsidRPr="00085F16" w:rsidRDefault="006C03BB" w:rsidP="00085F16">
      <w:pPr>
        <w:pStyle w:val="a8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7F1868" w:rsidRPr="00085F16" w:rsidRDefault="007F1868" w:rsidP="00185E8A">
      <w:pPr>
        <w:pStyle w:val="2"/>
      </w:pPr>
      <w:r w:rsidRPr="004F6EA6">
        <w:rPr>
          <w:lang w:val="ru-RU"/>
        </w:rPr>
        <w:t xml:space="preserve"> </w:t>
      </w:r>
      <w:bookmarkStart w:id="2" w:name="_Toc120516840"/>
      <w:r w:rsidRPr="00085F16">
        <w:t>Педагогическая деятельность</w:t>
      </w:r>
      <w:bookmarkEnd w:id="2"/>
    </w:p>
    <w:p w:rsidR="007F1868" w:rsidRPr="00085F16" w:rsidRDefault="007F1868" w:rsidP="007C65A1">
      <w:pPr>
        <w:pStyle w:val="a8"/>
        <w:numPr>
          <w:ilvl w:val="0"/>
          <w:numId w:val="20"/>
        </w:num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sz w:val="24"/>
          <w:szCs w:val="24"/>
        </w:rPr>
        <w:t>Вовлечение родителей в образовательную деятельность, совершенствование системы взаимодействия с семьей с целью повышения ответственности родителей за обучение и воспитание детей.</w:t>
      </w:r>
    </w:p>
    <w:p w:rsidR="007F1868" w:rsidRPr="00085F16" w:rsidRDefault="007F1868" w:rsidP="007C65A1">
      <w:pPr>
        <w:pStyle w:val="a8"/>
        <w:numPr>
          <w:ilvl w:val="0"/>
          <w:numId w:val="20"/>
        </w:num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Обеспечение высокого качества обучения и воспитания в урочной и внеурочной деятельности в соответствии с требованиями ФГОС. </w:t>
      </w:r>
    </w:p>
    <w:p w:rsidR="007F1868" w:rsidRPr="00085F16" w:rsidRDefault="007F1868" w:rsidP="007C65A1">
      <w:pPr>
        <w:pStyle w:val="a8"/>
        <w:numPr>
          <w:ilvl w:val="0"/>
          <w:numId w:val="20"/>
        </w:num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</w:t>
      </w:r>
      <w:r w:rsidR="00080FEA" w:rsidRPr="00085F16">
        <w:rPr>
          <w:rFonts w:ascii="Times New Roman" w:hAnsi="Times New Roman" w:cs="Times New Roman"/>
          <w:sz w:val="24"/>
          <w:szCs w:val="24"/>
        </w:rPr>
        <w:t>Продолжение работы по обобщению и транслированию передового опыта творчески работающих учителей через организацию и проведение единых методических дней, педагогических советов, открытых уроков, мастер-классов</w:t>
      </w:r>
      <w:r w:rsidR="00212E83" w:rsidRPr="00085F16">
        <w:rPr>
          <w:rFonts w:ascii="Times New Roman" w:hAnsi="Times New Roman" w:cs="Times New Roman"/>
          <w:sz w:val="24"/>
          <w:szCs w:val="24"/>
        </w:rPr>
        <w:t xml:space="preserve"> программ ПК.</w:t>
      </w:r>
    </w:p>
    <w:p w:rsidR="007F1868" w:rsidRPr="00085F16" w:rsidRDefault="007F1868" w:rsidP="007C65A1">
      <w:pPr>
        <w:pStyle w:val="a8"/>
        <w:numPr>
          <w:ilvl w:val="0"/>
          <w:numId w:val="20"/>
        </w:num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Создание образовательной среды, обеспечивающей доступность и качество образования в соответствии с </w:t>
      </w:r>
      <w:r w:rsidR="00212E83" w:rsidRPr="00085F16">
        <w:rPr>
          <w:rFonts w:ascii="Times New Roman" w:hAnsi="Times New Roman" w:cs="Times New Roman"/>
          <w:sz w:val="24"/>
          <w:szCs w:val="24"/>
        </w:rPr>
        <w:t>ФГОС</w:t>
      </w:r>
      <w:r w:rsidRPr="00085F16">
        <w:rPr>
          <w:rFonts w:ascii="Times New Roman" w:hAnsi="Times New Roman" w:cs="Times New Roman"/>
          <w:sz w:val="24"/>
          <w:szCs w:val="24"/>
        </w:rPr>
        <w:t xml:space="preserve"> и социальным заказом. </w:t>
      </w:r>
    </w:p>
    <w:p w:rsidR="007F1868" w:rsidRPr="00085F16" w:rsidRDefault="007F1868" w:rsidP="00085F16">
      <w:p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5672A9" w:rsidRPr="004F6EA6" w:rsidRDefault="005672A9" w:rsidP="00185E8A">
      <w:pPr>
        <w:pStyle w:val="3"/>
        <w:rPr>
          <w:b w:val="0"/>
          <w:lang w:val="ru-RU"/>
        </w:rPr>
      </w:pPr>
      <w:bookmarkStart w:id="3" w:name="_Toc120516841"/>
      <w:r w:rsidRPr="00085F16">
        <w:t>I</w:t>
      </w:r>
      <w:r w:rsidRPr="004F6EA6">
        <w:rPr>
          <w:lang w:val="ru-RU"/>
        </w:rPr>
        <w:t>. Организация деятельности школы, направленная на обеспечение успеваемости и качества знаний в соответствии с современными требованиями к начальному, основному общему образованию.</w:t>
      </w:r>
      <w:bookmarkEnd w:id="3"/>
    </w:p>
    <w:p w:rsidR="005672A9" w:rsidRPr="00085F16" w:rsidRDefault="00212E83" w:rsidP="00085F16">
      <w:pPr>
        <w:rPr>
          <w:rFonts w:ascii="Times New Roman" w:hAnsi="Times New Roman" w:cs="Times New Roman"/>
          <w:b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>2022-2023</w:t>
      </w:r>
      <w:r w:rsidR="005672A9" w:rsidRPr="00085F16">
        <w:rPr>
          <w:rFonts w:ascii="Times New Roman" w:hAnsi="Times New Roman" w:cs="Times New Roman"/>
          <w:b/>
          <w:sz w:val="24"/>
          <w:szCs w:val="24"/>
        </w:rPr>
        <w:t xml:space="preserve"> учебный год</w:t>
      </w:r>
    </w:p>
    <w:tbl>
      <w:tblPr>
        <w:tblStyle w:val="a3"/>
        <w:tblW w:w="0" w:type="auto"/>
        <w:tblInd w:w="534" w:type="dxa"/>
        <w:tblLook w:val="04A0"/>
      </w:tblPr>
      <w:tblGrid>
        <w:gridCol w:w="1046"/>
        <w:gridCol w:w="6521"/>
      </w:tblGrid>
      <w:tr w:rsidR="005672A9" w:rsidRPr="00085F16" w:rsidTr="00510E56">
        <w:tc>
          <w:tcPr>
            <w:tcW w:w="850" w:type="dxa"/>
          </w:tcPr>
          <w:p w:rsidR="005672A9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К</w:t>
            </w:r>
            <w:r w:rsidR="00AC2664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лассы</w:t>
            </w:r>
          </w:p>
        </w:tc>
        <w:tc>
          <w:tcPr>
            <w:tcW w:w="6521" w:type="dxa"/>
          </w:tcPr>
          <w:p w:rsidR="005672A9" w:rsidRPr="00085F16" w:rsidRDefault="00AC2664" w:rsidP="00F10E99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личество </w:t>
            </w:r>
            <w:r w:rsidR="00F10E99">
              <w:rPr>
                <w:rFonts w:ascii="Times New Roman" w:hAnsi="Times New Roman" w:cs="Times New Roman"/>
                <w:b/>
                <w:sz w:val="24"/>
                <w:szCs w:val="24"/>
              </w:rPr>
              <w:t>классов</w:t>
            </w:r>
          </w:p>
        </w:tc>
      </w:tr>
      <w:tr w:rsidR="005672A9" w:rsidRPr="00085F16" w:rsidTr="00510E56">
        <w:tc>
          <w:tcPr>
            <w:tcW w:w="850" w:type="dxa"/>
          </w:tcPr>
          <w:p w:rsidR="005672A9" w:rsidRPr="00085F16" w:rsidRDefault="00AC266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-4</w:t>
            </w:r>
          </w:p>
        </w:tc>
        <w:tc>
          <w:tcPr>
            <w:tcW w:w="6521" w:type="dxa"/>
          </w:tcPr>
          <w:p w:rsidR="005672A9" w:rsidRPr="00085F16" w:rsidRDefault="00AC266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+1+</w:t>
            </w:r>
            <w:r w:rsidR="003421C5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+</w:t>
            </w:r>
            <w:r w:rsidR="003421C5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=</w:t>
            </w:r>
            <w:r w:rsidR="003421C5"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</w:tr>
      <w:tr w:rsidR="005672A9" w:rsidRPr="00085F16" w:rsidTr="00510E56">
        <w:tc>
          <w:tcPr>
            <w:tcW w:w="850" w:type="dxa"/>
          </w:tcPr>
          <w:p w:rsidR="005672A9" w:rsidRPr="00085F16" w:rsidRDefault="00AC266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-9</w:t>
            </w:r>
          </w:p>
        </w:tc>
        <w:tc>
          <w:tcPr>
            <w:tcW w:w="6521" w:type="dxa"/>
          </w:tcPr>
          <w:p w:rsidR="005672A9" w:rsidRPr="00085F16" w:rsidRDefault="00AC266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+</w:t>
            </w:r>
            <w:r w:rsidR="003421C5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+1+1+1=</w:t>
            </w:r>
            <w:r w:rsidR="003421C5"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</w:tr>
      <w:tr w:rsidR="003421C5" w:rsidRPr="00085F16" w:rsidTr="00510E56">
        <w:tc>
          <w:tcPr>
            <w:tcW w:w="850" w:type="dxa"/>
          </w:tcPr>
          <w:p w:rsidR="003421C5" w:rsidRPr="00085F16" w:rsidRDefault="003421C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0-11</w:t>
            </w:r>
          </w:p>
        </w:tc>
        <w:tc>
          <w:tcPr>
            <w:tcW w:w="6521" w:type="dxa"/>
          </w:tcPr>
          <w:p w:rsidR="003421C5" w:rsidRPr="00085F16" w:rsidRDefault="003421C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+1=2</w:t>
            </w:r>
          </w:p>
        </w:tc>
      </w:tr>
      <w:tr w:rsidR="005672A9" w:rsidRPr="00085F16" w:rsidTr="00510E56">
        <w:tc>
          <w:tcPr>
            <w:tcW w:w="850" w:type="dxa"/>
          </w:tcPr>
          <w:p w:rsidR="005672A9" w:rsidRPr="00085F16" w:rsidRDefault="00AC2664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Итого</w:t>
            </w:r>
          </w:p>
        </w:tc>
        <w:tc>
          <w:tcPr>
            <w:tcW w:w="6521" w:type="dxa"/>
          </w:tcPr>
          <w:p w:rsidR="005672A9" w:rsidRPr="00085F16" w:rsidRDefault="003421C5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14</w:t>
            </w:r>
          </w:p>
        </w:tc>
      </w:tr>
    </w:tbl>
    <w:p w:rsidR="00515212" w:rsidRPr="00085F16" w:rsidRDefault="00515212" w:rsidP="00085F16">
      <w:pPr>
        <w:rPr>
          <w:rFonts w:ascii="Times New Roman" w:hAnsi="Times New Roman" w:cs="Times New Roman"/>
          <w:sz w:val="24"/>
          <w:szCs w:val="24"/>
        </w:rPr>
      </w:pPr>
    </w:p>
    <w:p w:rsidR="003857E3" w:rsidRPr="00085F16" w:rsidRDefault="003857E3" w:rsidP="00085F16">
      <w:pPr>
        <w:rPr>
          <w:rFonts w:ascii="Times New Roman" w:hAnsi="Times New Roman" w:cs="Times New Roman"/>
          <w:sz w:val="24"/>
          <w:szCs w:val="24"/>
        </w:rPr>
      </w:pPr>
    </w:p>
    <w:p w:rsidR="003857E3" w:rsidRPr="00085F16" w:rsidRDefault="003857E3" w:rsidP="00085F16">
      <w:pPr>
        <w:rPr>
          <w:rFonts w:ascii="Times New Roman" w:hAnsi="Times New Roman" w:cs="Times New Roman"/>
          <w:sz w:val="24"/>
          <w:szCs w:val="24"/>
        </w:rPr>
      </w:pPr>
    </w:p>
    <w:p w:rsidR="003857E3" w:rsidRPr="00085F16" w:rsidRDefault="003857E3" w:rsidP="00085F16">
      <w:pPr>
        <w:rPr>
          <w:rFonts w:ascii="Times New Roman" w:hAnsi="Times New Roman" w:cs="Times New Roman"/>
          <w:sz w:val="24"/>
          <w:szCs w:val="24"/>
        </w:rPr>
      </w:pPr>
    </w:p>
    <w:p w:rsidR="003857E3" w:rsidRPr="00085F16" w:rsidRDefault="003857E3" w:rsidP="00085F16">
      <w:pPr>
        <w:rPr>
          <w:rFonts w:ascii="Times New Roman" w:hAnsi="Times New Roman" w:cs="Times New Roman"/>
          <w:sz w:val="24"/>
          <w:szCs w:val="24"/>
        </w:rPr>
      </w:pPr>
    </w:p>
    <w:p w:rsidR="003857E3" w:rsidRPr="00085F16" w:rsidRDefault="003857E3" w:rsidP="00085F16">
      <w:pPr>
        <w:rPr>
          <w:rFonts w:ascii="Times New Roman" w:hAnsi="Times New Roman" w:cs="Times New Roman"/>
          <w:sz w:val="24"/>
          <w:szCs w:val="24"/>
        </w:rPr>
      </w:pPr>
    </w:p>
    <w:p w:rsidR="003857E3" w:rsidRPr="00085F16" w:rsidRDefault="003857E3" w:rsidP="00085F16">
      <w:pPr>
        <w:rPr>
          <w:rFonts w:ascii="Times New Roman" w:hAnsi="Times New Roman" w:cs="Times New Roman"/>
          <w:sz w:val="24"/>
          <w:szCs w:val="24"/>
        </w:rPr>
      </w:pPr>
    </w:p>
    <w:p w:rsidR="003857E3" w:rsidRPr="00085F16" w:rsidRDefault="003857E3" w:rsidP="00085F16">
      <w:pPr>
        <w:rPr>
          <w:rFonts w:ascii="Times New Roman" w:hAnsi="Times New Roman" w:cs="Times New Roman"/>
          <w:sz w:val="24"/>
          <w:szCs w:val="24"/>
        </w:rPr>
      </w:pPr>
    </w:p>
    <w:p w:rsidR="003857E3" w:rsidRPr="00085F16" w:rsidRDefault="003857E3" w:rsidP="00085F16">
      <w:pPr>
        <w:rPr>
          <w:rFonts w:ascii="Times New Roman" w:hAnsi="Times New Roman" w:cs="Times New Roman"/>
          <w:sz w:val="24"/>
          <w:szCs w:val="24"/>
        </w:rPr>
      </w:pPr>
    </w:p>
    <w:p w:rsidR="00515212" w:rsidRPr="004F6EA6" w:rsidRDefault="00515212" w:rsidP="007364F2">
      <w:pPr>
        <w:pStyle w:val="2"/>
        <w:rPr>
          <w:lang w:val="ru-RU"/>
        </w:rPr>
      </w:pPr>
      <w:bookmarkStart w:id="4" w:name="_Toc120516842"/>
      <w:r w:rsidRPr="004F6EA6">
        <w:rPr>
          <w:lang w:val="ru-RU"/>
        </w:rPr>
        <w:lastRenderedPageBreak/>
        <w:t xml:space="preserve">План работы по всеобучу на </w:t>
      </w:r>
      <w:r w:rsidR="00212E83" w:rsidRPr="004F6EA6">
        <w:rPr>
          <w:lang w:val="ru-RU"/>
        </w:rPr>
        <w:t>2022-2023</w:t>
      </w:r>
      <w:r w:rsidRPr="004F6EA6">
        <w:rPr>
          <w:lang w:val="ru-RU"/>
        </w:rPr>
        <w:t xml:space="preserve"> учебный год</w:t>
      </w:r>
      <w:bookmarkEnd w:id="4"/>
    </w:p>
    <w:tbl>
      <w:tblPr>
        <w:tblStyle w:val="a3"/>
        <w:tblW w:w="0" w:type="auto"/>
        <w:tblLook w:val="04A0"/>
      </w:tblPr>
      <w:tblGrid>
        <w:gridCol w:w="643"/>
        <w:gridCol w:w="5849"/>
        <w:gridCol w:w="1648"/>
        <w:gridCol w:w="2935"/>
      </w:tblGrid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8930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Мероприятия </w:t>
            </w:r>
          </w:p>
        </w:tc>
        <w:tc>
          <w:tcPr>
            <w:tcW w:w="1963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Сроки </w:t>
            </w:r>
          </w:p>
        </w:tc>
        <w:tc>
          <w:tcPr>
            <w:tcW w:w="3904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Ответственные 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8930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сти учет детей по классам в соответствии со списочным составом.</w:t>
            </w:r>
          </w:p>
        </w:tc>
        <w:tc>
          <w:tcPr>
            <w:tcW w:w="1963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31 августа</w:t>
            </w:r>
          </w:p>
        </w:tc>
        <w:tc>
          <w:tcPr>
            <w:tcW w:w="3904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дминистрация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8930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мплектование 1 класса.</w:t>
            </w:r>
          </w:p>
        </w:tc>
        <w:tc>
          <w:tcPr>
            <w:tcW w:w="1963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31 августа</w:t>
            </w:r>
          </w:p>
        </w:tc>
        <w:tc>
          <w:tcPr>
            <w:tcW w:w="3904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дминистрация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8930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бор сведений о </w:t>
            </w:r>
            <w:r w:rsidR="007C15B6" w:rsidRPr="00085F16">
              <w:rPr>
                <w:rFonts w:ascii="Times New Roman" w:hAnsi="Times New Roman" w:cs="Times New Roman"/>
                <w:sz w:val="24"/>
                <w:szCs w:val="24"/>
              </w:rPr>
              <w:t>продолжении обучени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выпускников школы</w:t>
            </w:r>
            <w:r w:rsidR="007C15B6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в других ОУ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1963" w:type="dxa"/>
          </w:tcPr>
          <w:p w:rsidR="00515212" w:rsidRPr="00085F16" w:rsidRDefault="004833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28 августа</w:t>
            </w:r>
          </w:p>
        </w:tc>
        <w:tc>
          <w:tcPr>
            <w:tcW w:w="3904" w:type="dxa"/>
          </w:tcPr>
          <w:p w:rsidR="00515212" w:rsidRPr="00085F16" w:rsidRDefault="004833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й руководитель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8930" w:type="dxa"/>
          </w:tcPr>
          <w:p w:rsidR="00515212" w:rsidRPr="00085F16" w:rsidRDefault="004833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</w:t>
            </w:r>
            <w:r w:rsidR="00515212" w:rsidRPr="00085F16">
              <w:rPr>
                <w:rFonts w:ascii="Times New Roman" w:hAnsi="Times New Roman" w:cs="Times New Roman"/>
                <w:sz w:val="24"/>
                <w:szCs w:val="24"/>
              </w:rPr>
              <w:t>роверка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списочного состава обучающихся по классам.</w:t>
            </w:r>
          </w:p>
        </w:tc>
        <w:tc>
          <w:tcPr>
            <w:tcW w:w="1963" w:type="dxa"/>
          </w:tcPr>
          <w:p w:rsidR="00515212" w:rsidRPr="00085F16" w:rsidRDefault="004833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о </w:t>
            </w:r>
            <w:r w:rsidR="00212E83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03516B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сентября</w:t>
            </w:r>
          </w:p>
        </w:tc>
        <w:tc>
          <w:tcPr>
            <w:tcW w:w="3904" w:type="dxa"/>
          </w:tcPr>
          <w:p w:rsidR="00515212" w:rsidRPr="00085F16" w:rsidRDefault="0003516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й руководитель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8930" w:type="dxa"/>
          </w:tcPr>
          <w:p w:rsidR="00515212" w:rsidRPr="00085F16" w:rsidRDefault="0003516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беседование с педагогом-библиотекарем школы о степени</w:t>
            </w:r>
            <w:r w:rsidR="00E871D3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обеспеченности школьников учебниками и сохранности учебного фонда.</w:t>
            </w:r>
          </w:p>
        </w:tc>
        <w:tc>
          <w:tcPr>
            <w:tcW w:w="1963" w:type="dxa"/>
          </w:tcPr>
          <w:p w:rsidR="00515212" w:rsidRPr="00085F16" w:rsidRDefault="004833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о </w:t>
            </w:r>
            <w:r w:rsidR="00E871D3" w:rsidRPr="00085F16">
              <w:rPr>
                <w:rFonts w:ascii="Times New Roman" w:hAnsi="Times New Roman" w:cs="Times New Roman"/>
                <w:sz w:val="24"/>
                <w:szCs w:val="24"/>
              </w:rPr>
              <w:t>8 сентября</w:t>
            </w:r>
          </w:p>
        </w:tc>
        <w:tc>
          <w:tcPr>
            <w:tcW w:w="3904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дминистрация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8930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горячего питания в школе.</w:t>
            </w:r>
          </w:p>
        </w:tc>
        <w:tc>
          <w:tcPr>
            <w:tcW w:w="1963" w:type="dxa"/>
          </w:tcPr>
          <w:p w:rsidR="00515212" w:rsidRPr="00085F16" w:rsidRDefault="004833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вгуст</w:t>
            </w:r>
          </w:p>
        </w:tc>
        <w:tc>
          <w:tcPr>
            <w:tcW w:w="3904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й за питание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8930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расписания занятий.</w:t>
            </w:r>
          </w:p>
        </w:tc>
        <w:tc>
          <w:tcPr>
            <w:tcW w:w="1963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 сентября</w:t>
            </w:r>
          </w:p>
        </w:tc>
        <w:tc>
          <w:tcPr>
            <w:tcW w:w="3904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8930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внеурочной деятельности.</w:t>
            </w:r>
          </w:p>
        </w:tc>
        <w:tc>
          <w:tcPr>
            <w:tcW w:w="1963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5 сентября</w:t>
            </w:r>
          </w:p>
        </w:tc>
        <w:tc>
          <w:tcPr>
            <w:tcW w:w="3904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8930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База данных детей из многодетных и малообеспеченных, опекунских семей.</w:t>
            </w:r>
          </w:p>
        </w:tc>
        <w:tc>
          <w:tcPr>
            <w:tcW w:w="1963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3904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182C21" w:rsidRPr="00085F16">
              <w:rPr>
                <w:rFonts w:ascii="Times New Roman" w:hAnsi="Times New Roman" w:cs="Times New Roman"/>
                <w:sz w:val="24"/>
                <w:szCs w:val="24"/>
              </w:rPr>
              <w:t>0</w:t>
            </w:r>
          </w:p>
        </w:tc>
        <w:tc>
          <w:tcPr>
            <w:tcW w:w="8930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следование сирот и опекаемых детей, семей «группы риска».</w:t>
            </w:r>
          </w:p>
        </w:tc>
        <w:tc>
          <w:tcPr>
            <w:tcW w:w="1963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3904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182C21"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8930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мотр санитарного состояния школьных помещений, соблюдение ТБ.</w:t>
            </w:r>
          </w:p>
        </w:tc>
        <w:tc>
          <w:tcPr>
            <w:tcW w:w="1963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 раз в четверть</w:t>
            </w:r>
          </w:p>
        </w:tc>
        <w:tc>
          <w:tcPr>
            <w:tcW w:w="3904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182C21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8930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работы по пропаганде ЗОЖ.</w:t>
            </w:r>
          </w:p>
        </w:tc>
        <w:tc>
          <w:tcPr>
            <w:tcW w:w="1963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904" w:type="dxa"/>
          </w:tcPr>
          <w:p w:rsidR="00515212" w:rsidRPr="00085F16" w:rsidRDefault="00182C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182C21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8930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т посещаемости школы обучающимися.</w:t>
            </w:r>
          </w:p>
        </w:tc>
        <w:tc>
          <w:tcPr>
            <w:tcW w:w="1963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ежедневно</w:t>
            </w:r>
          </w:p>
        </w:tc>
        <w:tc>
          <w:tcPr>
            <w:tcW w:w="3904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й руководитель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593BC4"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8930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работы с обучающимися, мотивированными на обучение (олимпиады, конкурсы, соревнования).</w:t>
            </w:r>
          </w:p>
        </w:tc>
        <w:tc>
          <w:tcPr>
            <w:tcW w:w="1963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904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й руководитель,</w:t>
            </w:r>
          </w:p>
          <w:p w:rsidR="00593BC4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едагог-психолог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593BC4"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8930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выполнения рабочих программ по всем учебным предметам.</w:t>
            </w:r>
          </w:p>
        </w:tc>
        <w:tc>
          <w:tcPr>
            <w:tcW w:w="1963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 раз в четверть</w:t>
            </w:r>
          </w:p>
        </w:tc>
        <w:tc>
          <w:tcPr>
            <w:tcW w:w="3904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593BC4"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8930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фориентация (изучение профессиональных предпочтений выпускников, связь с учебными заведениями, оформление стендовой информации для обучающихся и их родителей).</w:t>
            </w:r>
          </w:p>
        </w:tc>
        <w:tc>
          <w:tcPr>
            <w:tcW w:w="1963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904" w:type="dxa"/>
          </w:tcPr>
          <w:p w:rsidR="00593BC4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й руководитель,</w:t>
            </w:r>
          </w:p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едагог-психолог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593BC4" w:rsidRPr="00085F16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8930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та по предупреждению неуспеваемости.</w:t>
            </w:r>
          </w:p>
        </w:tc>
        <w:tc>
          <w:tcPr>
            <w:tcW w:w="1963" w:type="dxa"/>
          </w:tcPr>
          <w:p w:rsidR="00515212" w:rsidRPr="00085F16" w:rsidRDefault="00D630E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904" w:type="dxa"/>
          </w:tcPr>
          <w:p w:rsidR="00D630E3" w:rsidRPr="00085F16" w:rsidRDefault="00D630E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  <w:r w:rsidR="006C03BB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е руководители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593BC4" w:rsidRPr="00085F16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8930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работы по подготовке обучающихся к ГИА</w:t>
            </w:r>
          </w:p>
        </w:tc>
        <w:tc>
          <w:tcPr>
            <w:tcW w:w="1963" w:type="dxa"/>
          </w:tcPr>
          <w:p w:rsidR="00515212" w:rsidRPr="00085F16" w:rsidRDefault="00D630E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</w:t>
            </w:r>
            <w:r w:rsidR="00593BC4" w:rsidRPr="00085F16">
              <w:rPr>
                <w:rFonts w:ascii="Times New Roman" w:hAnsi="Times New Roman" w:cs="Times New Roman"/>
                <w:sz w:val="24"/>
                <w:szCs w:val="24"/>
              </w:rPr>
              <w:t>о плану</w:t>
            </w:r>
          </w:p>
        </w:tc>
        <w:tc>
          <w:tcPr>
            <w:tcW w:w="3904" w:type="dxa"/>
          </w:tcPr>
          <w:p w:rsidR="00515212" w:rsidRPr="00085F16" w:rsidRDefault="00D630E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9</w:t>
            </w:r>
          </w:p>
        </w:tc>
        <w:tc>
          <w:tcPr>
            <w:tcW w:w="8930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воевременное информирование родителей обучающихся об итогах успеваемости их детей.</w:t>
            </w:r>
          </w:p>
        </w:tc>
        <w:tc>
          <w:tcPr>
            <w:tcW w:w="1963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904" w:type="dxa"/>
          </w:tcPr>
          <w:p w:rsidR="00515212" w:rsidRPr="00085F16" w:rsidRDefault="00D630E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е руководители</w:t>
            </w:r>
          </w:p>
        </w:tc>
      </w:tr>
      <w:tr w:rsidR="00515212" w:rsidRPr="00085F16" w:rsidTr="00515212">
        <w:tc>
          <w:tcPr>
            <w:tcW w:w="817" w:type="dxa"/>
          </w:tcPr>
          <w:p w:rsidR="00515212" w:rsidRPr="00085F16" w:rsidRDefault="005152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593BC4" w:rsidRPr="00085F16">
              <w:rPr>
                <w:rFonts w:ascii="Times New Roman" w:hAnsi="Times New Roman" w:cs="Times New Roman"/>
                <w:sz w:val="24"/>
                <w:szCs w:val="24"/>
              </w:rPr>
              <w:t>0</w:t>
            </w:r>
          </w:p>
        </w:tc>
        <w:tc>
          <w:tcPr>
            <w:tcW w:w="8930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индивидуальной работы с обучающимися, имеющими неудовлетворительные отметки по предметам.</w:t>
            </w:r>
          </w:p>
        </w:tc>
        <w:tc>
          <w:tcPr>
            <w:tcW w:w="1963" w:type="dxa"/>
          </w:tcPr>
          <w:p w:rsidR="00515212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904" w:type="dxa"/>
          </w:tcPr>
          <w:p w:rsidR="00515212" w:rsidRPr="00085F16" w:rsidRDefault="00D630E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-предметники</w:t>
            </w:r>
          </w:p>
        </w:tc>
      </w:tr>
      <w:tr w:rsidR="00593BC4" w:rsidRPr="00085F16" w:rsidTr="00515212">
        <w:tc>
          <w:tcPr>
            <w:tcW w:w="817" w:type="dxa"/>
          </w:tcPr>
          <w:p w:rsidR="00593BC4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1</w:t>
            </w:r>
          </w:p>
        </w:tc>
        <w:tc>
          <w:tcPr>
            <w:tcW w:w="8930" w:type="dxa"/>
          </w:tcPr>
          <w:p w:rsidR="00593BC4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едение журнала по ТБ, проведение инструктажа с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обучающимися.</w:t>
            </w:r>
          </w:p>
        </w:tc>
        <w:tc>
          <w:tcPr>
            <w:tcW w:w="1963" w:type="dxa"/>
          </w:tcPr>
          <w:p w:rsidR="00593BC4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в течение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года</w:t>
            </w:r>
          </w:p>
        </w:tc>
        <w:tc>
          <w:tcPr>
            <w:tcW w:w="3904" w:type="dxa"/>
          </w:tcPr>
          <w:p w:rsidR="00593BC4" w:rsidRPr="00085F16" w:rsidRDefault="00D630E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классные руководители</w:t>
            </w:r>
          </w:p>
        </w:tc>
      </w:tr>
      <w:tr w:rsidR="00593BC4" w:rsidRPr="00085F16" w:rsidTr="00515212">
        <w:tc>
          <w:tcPr>
            <w:tcW w:w="817" w:type="dxa"/>
          </w:tcPr>
          <w:p w:rsidR="00593BC4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22</w:t>
            </w:r>
          </w:p>
        </w:tc>
        <w:tc>
          <w:tcPr>
            <w:tcW w:w="8930" w:type="dxa"/>
          </w:tcPr>
          <w:p w:rsidR="00593BC4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работы по всеобучу.</w:t>
            </w:r>
          </w:p>
        </w:tc>
        <w:tc>
          <w:tcPr>
            <w:tcW w:w="1963" w:type="dxa"/>
          </w:tcPr>
          <w:p w:rsidR="00593BC4" w:rsidRPr="00085F16" w:rsidRDefault="00593BC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й-июнь</w:t>
            </w:r>
          </w:p>
        </w:tc>
        <w:tc>
          <w:tcPr>
            <w:tcW w:w="3904" w:type="dxa"/>
          </w:tcPr>
          <w:p w:rsidR="00593BC4" w:rsidRPr="00085F16" w:rsidRDefault="00D630E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</w:tbl>
    <w:p w:rsidR="00F10E99" w:rsidRDefault="00F10E99" w:rsidP="00153F86">
      <w:pPr>
        <w:pStyle w:val="2"/>
        <w:jc w:val="left"/>
        <w:rPr>
          <w:lang w:val="ru-RU"/>
        </w:rPr>
      </w:pPr>
      <w:bookmarkStart w:id="5" w:name="_Toc120516843"/>
    </w:p>
    <w:p w:rsidR="00D630E3" w:rsidRPr="004F6EA6" w:rsidRDefault="00D630E3" w:rsidP="007364F2">
      <w:pPr>
        <w:pStyle w:val="2"/>
        <w:rPr>
          <w:lang w:val="ru-RU"/>
        </w:rPr>
      </w:pPr>
      <w:r w:rsidRPr="004F6EA6">
        <w:rPr>
          <w:lang w:val="ru-RU"/>
        </w:rPr>
        <w:t>План работы по реализации ФГОС НОО</w:t>
      </w:r>
      <w:r w:rsidR="00212E83" w:rsidRPr="004F6EA6">
        <w:rPr>
          <w:lang w:val="ru-RU"/>
        </w:rPr>
        <w:t xml:space="preserve"> (1 класс)</w:t>
      </w:r>
      <w:r w:rsidRPr="004F6EA6">
        <w:rPr>
          <w:lang w:val="ru-RU"/>
        </w:rPr>
        <w:t xml:space="preserve"> и ФГОС ООО</w:t>
      </w:r>
      <w:r w:rsidR="00212E83" w:rsidRPr="004F6EA6">
        <w:rPr>
          <w:lang w:val="ru-RU"/>
        </w:rPr>
        <w:t xml:space="preserve"> (5 класс)</w:t>
      </w:r>
      <w:r w:rsidRPr="004F6EA6">
        <w:rPr>
          <w:lang w:val="ru-RU"/>
        </w:rPr>
        <w:t>.</w:t>
      </w:r>
      <w:bookmarkEnd w:id="5"/>
    </w:p>
    <w:p w:rsidR="00D630E3" w:rsidRPr="00085F16" w:rsidRDefault="00D630E3" w:rsidP="00085F16">
      <w:pPr>
        <w:rPr>
          <w:rFonts w:ascii="Times New Roman" w:hAnsi="Times New Roman" w:cs="Times New Roman"/>
          <w:b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>Задачи:</w:t>
      </w:r>
    </w:p>
    <w:p w:rsidR="00D630E3" w:rsidRPr="00085F16" w:rsidRDefault="00D630E3" w:rsidP="00085F16">
      <w:pPr>
        <w:pStyle w:val="a8"/>
        <w:numPr>
          <w:ilvl w:val="0"/>
          <w:numId w:val="1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Реализация ФГОС </w:t>
      </w:r>
      <w:r w:rsidR="00212E83" w:rsidRPr="00085F16">
        <w:rPr>
          <w:rFonts w:ascii="Times New Roman" w:hAnsi="Times New Roman" w:cs="Times New Roman"/>
          <w:sz w:val="24"/>
          <w:szCs w:val="24"/>
        </w:rPr>
        <w:t>2021</w:t>
      </w:r>
      <w:r w:rsidRPr="00085F16">
        <w:rPr>
          <w:rFonts w:ascii="Times New Roman" w:hAnsi="Times New Roman" w:cs="Times New Roman"/>
          <w:sz w:val="24"/>
          <w:szCs w:val="24"/>
        </w:rPr>
        <w:t>в соответствие с нормативными документами.</w:t>
      </w:r>
    </w:p>
    <w:p w:rsidR="00D630E3" w:rsidRPr="00085F16" w:rsidRDefault="00D630E3" w:rsidP="00085F16">
      <w:pPr>
        <w:pStyle w:val="a8"/>
        <w:numPr>
          <w:ilvl w:val="0"/>
          <w:numId w:val="1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Методическое и информационное сопровождения реализации ФГОС </w:t>
      </w:r>
      <w:r w:rsidR="00212E83" w:rsidRPr="00085F16">
        <w:rPr>
          <w:rFonts w:ascii="Times New Roman" w:hAnsi="Times New Roman" w:cs="Times New Roman"/>
          <w:sz w:val="24"/>
          <w:szCs w:val="24"/>
        </w:rPr>
        <w:t>2021</w:t>
      </w:r>
      <w:r w:rsidRPr="00085F16">
        <w:rPr>
          <w:rFonts w:ascii="Times New Roman" w:hAnsi="Times New Roman" w:cs="Times New Roman"/>
          <w:sz w:val="24"/>
          <w:szCs w:val="24"/>
        </w:rPr>
        <w:t xml:space="preserve"> в течение </w:t>
      </w:r>
      <w:r w:rsidR="00212E83" w:rsidRPr="00085F16">
        <w:rPr>
          <w:rFonts w:ascii="Times New Roman" w:hAnsi="Times New Roman" w:cs="Times New Roman"/>
          <w:sz w:val="24"/>
          <w:szCs w:val="24"/>
        </w:rPr>
        <w:t>2022-2023</w:t>
      </w:r>
      <w:r w:rsidRPr="00085F16">
        <w:rPr>
          <w:rFonts w:ascii="Times New Roman" w:hAnsi="Times New Roman" w:cs="Times New Roman"/>
          <w:sz w:val="24"/>
          <w:szCs w:val="24"/>
        </w:rPr>
        <w:t xml:space="preserve"> учебного года.</w:t>
      </w:r>
    </w:p>
    <w:p w:rsidR="00D630E3" w:rsidRPr="00085F16" w:rsidRDefault="00D630E3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Реализация мероприятий в рамках методической темы ОУ</w:t>
      </w:r>
      <w:r w:rsidR="00496112" w:rsidRPr="00085F16">
        <w:rPr>
          <w:rFonts w:ascii="Times New Roman" w:hAnsi="Times New Roman" w:cs="Times New Roman"/>
          <w:color w:val="FF0000"/>
          <w:sz w:val="24"/>
          <w:szCs w:val="24"/>
        </w:rPr>
        <w:t xml:space="preserve"> </w:t>
      </w:r>
      <w:r w:rsidR="00CD781A" w:rsidRPr="00085F16">
        <w:rPr>
          <w:rFonts w:ascii="Times New Roman" w:hAnsi="Times New Roman" w:cs="Times New Roman"/>
          <w:sz w:val="24"/>
          <w:szCs w:val="24"/>
        </w:rPr>
        <w:t>«</w:t>
      </w:r>
      <w:r w:rsidR="00212E83" w:rsidRPr="00085F16">
        <w:rPr>
          <w:rFonts w:ascii="Times New Roman" w:hAnsi="Times New Roman" w:cs="Times New Roman"/>
          <w:sz w:val="24"/>
          <w:szCs w:val="24"/>
          <w:u w:val="single"/>
        </w:rPr>
        <w:t>Создание условий для обеспечения позитивной динамики школы как открытой системы обладающей конкурентоспособностью, способствующей развитию образовательной среды на основе ФГОС и обновленных ФГОС НОО и ООО».</w:t>
      </w:r>
    </w:p>
    <w:tbl>
      <w:tblPr>
        <w:tblStyle w:val="a3"/>
        <w:tblW w:w="0" w:type="auto"/>
        <w:tblInd w:w="360" w:type="dxa"/>
        <w:tblLook w:val="04A0"/>
      </w:tblPr>
      <w:tblGrid>
        <w:gridCol w:w="608"/>
        <w:gridCol w:w="3731"/>
        <w:gridCol w:w="1909"/>
        <w:gridCol w:w="2043"/>
        <w:gridCol w:w="2424"/>
      </w:tblGrid>
      <w:tr w:rsidR="00496112" w:rsidRPr="00085F16" w:rsidTr="00496112">
        <w:tc>
          <w:tcPr>
            <w:tcW w:w="741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№ п/п</w:t>
            </w:r>
          </w:p>
        </w:tc>
        <w:tc>
          <w:tcPr>
            <w:tcW w:w="6804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ероприятия</w:t>
            </w:r>
          </w:p>
        </w:tc>
        <w:tc>
          <w:tcPr>
            <w:tcW w:w="2126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роки</w:t>
            </w:r>
          </w:p>
        </w:tc>
        <w:tc>
          <w:tcPr>
            <w:tcW w:w="2532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е</w:t>
            </w:r>
          </w:p>
        </w:tc>
        <w:tc>
          <w:tcPr>
            <w:tcW w:w="3051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ные показатели</w:t>
            </w:r>
          </w:p>
        </w:tc>
      </w:tr>
      <w:tr w:rsidR="003D0B74" w:rsidRPr="00085F16" w:rsidTr="003D0B74">
        <w:tc>
          <w:tcPr>
            <w:tcW w:w="15254" w:type="dxa"/>
            <w:gridSpan w:val="5"/>
          </w:tcPr>
          <w:p w:rsidR="003D0B74" w:rsidRPr="00085F16" w:rsidRDefault="003D0B74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1. Организационное обеспечение</w:t>
            </w:r>
          </w:p>
        </w:tc>
      </w:tr>
      <w:tr w:rsidR="00496112" w:rsidRPr="00085F16" w:rsidTr="00496112">
        <w:tc>
          <w:tcPr>
            <w:tcW w:w="741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1</w:t>
            </w:r>
          </w:p>
        </w:tc>
        <w:tc>
          <w:tcPr>
            <w:tcW w:w="6804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ланирование деятельности школы:</w:t>
            </w:r>
          </w:p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 внесение изменений в план работы с учетом новых задач на </w:t>
            </w:r>
            <w:r w:rsidR="00212E83" w:rsidRPr="00085F16">
              <w:rPr>
                <w:rFonts w:ascii="Times New Roman" w:hAnsi="Times New Roman" w:cs="Times New Roman"/>
                <w:sz w:val="24"/>
                <w:szCs w:val="24"/>
              </w:rPr>
              <w:t>2022-202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</w:t>
            </w:r>
          </w:p>
        </w:tc>
        <w:tc>
          <w:tcPr>
            <w:tcW w:w="2126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2532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дминистрация</w:t>
            </w:r>
          </w:p>
        </w:tc>
        <w:tc>
          <w:tcPr>
            <w:tcW w:w="3051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лан работы школы на </w:t>
            </w:r>
            <w:r w:rsidR="00212E83" w:rsidRPr="00085F16">
              <w:rPr>
                <w:rFonts w:ascii="Times New Roman" w:hAnsi="Times New Roman" w:cs="Times New Roman"/>
                <w:sz w:val="24"/>
                <w:szCs w:val="24"/>
              </w:rPr>
              <w:t>2022-202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</w:t>
            </w:r>
          </w:p>
        </w:tc>
      </w:tr>
      <w:tr w:rsidR="00496112" w:rsidRPr="00085F16" w:rsidTr="00496112">
        <w:tc>
          <w:tcPr>
            <w:tcW w:w="741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2</w:t>
            </w:r>
          </w:p>
        </w:tc>
        <w:tc>
          <w:tcPr>
            <w:tcW w:w="6804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Участие в семинарах-совещаниях муниципального и регионального уровня по вопросам реализации </w:t>
            </w:r>
            <w:r w:rsidR="00AC5EB3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ФГОС НОО,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ГОС ООО</w:t>
            </w:r>
          </w:p>
        </w:tc>
        <w:tc>
          <w:tcPr>
            <w:tcW w:w="2126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соответствии с планом-графиком УО</w:t>
            </w:r>
          </w:p>
        </w:tc>
        <w:tc>
          <w:tcPr>
            <w:tcW w:w="2532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учителя</w:t>
            </w:r>
          </w:p>
        </w:tc>
        <w:tc>
          <w:tcPr>
            <w:tcW w:w="3051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</w:t>
            </w:r>
            <w:r w:rsidR="00496112" w:rsidRPr="00085F16">
              <w:rPr>
                <w:rFonts w:ascii="Times New Roman" w:hAnsi="Times New Roman" w:cs="Times New Roman"/>
                <w:sz w:val="24"/>
                <w:szCs w:val="24"/>
              </w:rPr>
              <w:t>нформирование всех заинтересованных лиц о результатах семинара</w:t>
            </w:r>
          </w:p>
        </w:tc>
      </w:tr>
      <w:tr w:rsidR="00496112" w:rsidRPr="00085F16" w:rsidTr="00496112">
        <w:tc>
          <w:tcPr>
            <w:tcW w:w="741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3</w:t>
            </w:r>
          </w:p>
        </w:tc>
        <w:tc>
          <w:tcPr>
            <w:tcW w:w="6804" w:type="dxa"/>
          </w:tcPr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совещаний о ходе и реализации </w:t>
            </w:r>
            <w:r w:rsidR="00AC5EB3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ФГОС НОО,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ГОС ООО:</w:t>
            </w:r>
          </w:p>
          <w:p w:rsidR="00496112" w:rsidRPr="00085F16" w:rsidRDefault="0049611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о промежуточных итогах реали</w:t>
            </w:r>
            <w:r w:rsidR="009705C0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ции ФГОС в </w:t>
            </w:r>
            <w:r w:rsidR="00AC5EB3"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212E83" w:rsidRPr="00085F16">
              <w:rPr>
                <w:rFonts w:ascii="Times New Roman" w:hAnsi="Times New Roman" w:cs="Times New Roman"/>
                <w:sz w:val="24"/>
                <w:szCs w:val="24"/>
              </w:rPr>
              <w:t>, 5-х</w:t>
            </w:r>
            <w:r w:rsidR="009705C0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х</w:t>
            </w:r>
          </w:p>
        </w:tc>
        <w:tc>
          <w:tcPr>
            <w:tcW w:w="2126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оябрь</w:t>
            </w:r>
          </w:p>
          <w:p w:rsidR="009705C0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  <w:tc>
          <w:tcPr>
            <w:tcW w:w="2532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3051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ешения совещания</w:t>
            </w:r>
          </w:p>
        </w:tc>
      </w:tr>
      <w:tr w:rsidR="00496112" w:rsidRPr="00085F16" w:rsidTr="00496112">
        <w:tc>
          <w:tcPr>
            <w:tcW w:w="741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4</w:t>
            </w:r>
          </w:p>
        </w:tc>
        <w:tc>
          <w:tcPr>
            <w:tcW w:w="6804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ониторинг результатов освоения ОО</w:t>
            </w:r>
            <w:r w:rsidR="0007110A" w:rsidRPr="00085F16">
              <w:rPr>
                <w:rFonts w:ascii="Times New Roman" w:hAnsi="Times New Roman" w:cs="Times New Roman"/>
                <w:sz w:val="24"/>
                <w:szCs w:val="24"/>
              </w:rPr>
              <w:t>П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ООО:</w:t>
            </w:r>
          </w:p>
          <w:p w:rsidR="009705C0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- входная диагностика обучающихся 5-</w:t>
            </w:r>
            <w:r w:rsidR="003F0895"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;</w:t>
            </w:r>
          </w:p>
          <w:p w:rsidR="009705C0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- формирование </w:t>
            </w:r>
            <w:r w:rsidR="00212E83" w:rsidRPr="00085F16">
              <w:rPr>
                <w:rFonts w:ascii="Times New Roman" w:hAnsi="Times New Roman" w:cs="Times New Roman"/>
                <w:sz w:val="24"/>
                <w:szCs w:val="24"/>
              </w:rPr>
              <w:t>функциональной грамотности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;</w:t>
            </w:r>
          </w:p>
          <w:p w:rsidR="009705C0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диагностика результатов освоения </w:t>
            </w:r>
            <w:r w:rsidR="00883632" w:rsidRPr="00085F16">
              <w:rPr>
                <w:rFonts w:ascii="Times New Roman" w:hAnsi="Times New Roman" w:cs="Times New Roman"/>
                <w:sz w:val="24"/>
                <w:szCs w:val="24"/>
              </w:rPr>
              <w:t>ООП ООО по итогам обучения в 5-</w:t>
            </w:r>
            <w:r w:rsidR="003F0895"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х</w:t>
            </w:r>
          </w:p>
        </w:tc>
        <w:tc>
          <w:tcPr>
            <w:tcW w:w="2126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  <w:p w:rsidR="009705C0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  <w:p w:rsidR="009705C0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й</w:t>
            </w:r>
          </w:p>
        </w:tc>
        <w:tc>
          <w:tcPr>
            <w:tcW w:w="2532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3051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нализ результатов мониторинга, разработка предложений по повышению качества реализации ФГОС в </w:t>
            </w:r>
            <w:r w:rsidR="00212E83" w:rsidRPr="00085F16">
              <w:rPr>
                <w:rFonts w:ascii="Times New Roman" w:hAnsi="Times New Roman" w:cs="Times New Roman"/>
                <w:sz w:val="24"/>
                <w:szCs w:val="24"/>
              </w:rPr>
              <w:t>2022-2023</w:t>
            </w:r>
            <w:r w:rsidR="009A3BD5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бном году</w:t>
            </w:r>
          </w:p>
        </w:tc>
      </w:tr>
      <w:tr w:rsidR="00496112" w:rsidRPr="00085F16" w:rsidTr="00496112">
        <w:tc>
          <w:tcPr>
            <w:tcW w:w="741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.5</w:t>
            </w:r>
          </w:p>
        </w:tc>
        <w:tc>
          <w:tcPr>
            <w:tcW w:w="6804" w:type="dxa"/>
          </w:tcPr>
          <w:p w:rsidR="00496112" w:rsidRPr="00085F16" w:rsidRDefault="009A3BD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</w:t>
            </w:r>
            <w:r w:rsidR="009705C0" w:rsidRPr="00085F16">
              <w:rPr>
                <w:rFonts w:ascii="Times New Roman" w:hAnsi="Times New Roman" w:cs="Times New Roman"/>
                <w:sz w:val="24"/>
                <w:szCs w:val="24"/>
              </w:rPr>
              <w:t>рганизация:</w:t>
            </w:r>
          </w:p>
          <w:p w:rsidR="009705C0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внеурочной деятельности</w:t>
            </w:r>
            <w:r w:rsidR="00212E83" w:rsidRPr="00085F16">
              <w:rPr>
                <w:rFonts w:ascii="Times New Roman" w:hAnsi="Times New Roman" w:cs="Times New Roman"/>
                <w:sz w:val="24"/>
                <w:szCs w:val="24"/>
              </w:rPr>
              <w:t>;</w:t>
            </w:r>
          </w:p>
          <w:p w:rsidR="00212E83" w:rsidRPr="00085F16" w:rsidRDefault="00212E8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дополнительного образования.</w:t>
            </w:r>
          </w:p>
        </w:tc>
        <w:tc>
          <w:tcPr>
            <w:tcW w:w="2126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вгуст-сентябрь</w:t>
            </w:r>
          </w:p>
        </w:tc>
        <w:tc>
          <w:tcPr>
            <w:tcW w:w="2532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3051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ное расписание</w:t>
            </w:r>
          </w:p>
        </w:tc>
      </w:tr>
      <w:tr w:rsidR="00496112" w:rsidRPr="00085F16" w:rsidTr="00496112">
        <w:tc>
          <w:tcPr>
            <w:tcW w:w="741" w:type="dxa"/>
          </w:tcPr>
          <w:p w:rsidR="00496112" w:rsidRPr="00085F16" w:rsidRDefault="009705C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6</w:t>
            </w:r>
          </w:p>
        </w:tc>
        <w:tc>
          <w:tcPr>
            <w:tcW w:w="6804" w:type="dxa"/>
          </w:tcPr>
          <w:p w:rsidR="00496112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зработка плана-графика реализации</w:t>
            </w:r>
            <w:r w:rsidR="00AC5EB3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ФГОС НОО,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ФГОС ООО в </w:t>
            </w:r>
            <w:r w:rsidR="00212E83" w:rsidRPr="00085F16">
              <w:rPr>
                <w:rFonts w:ascii="Times New Roman" w:hAnsi="Times New Roman" w:cs="Times New Roman"/>
                <w:sz w:val="24"/>
                <w:szCs w:val="24"/>
              </w:rPr>
              <w:t>2022-202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ом году</w:t>
            </w:r>
          </w:p>
        </w:tc>
        <w:tc>
          <w:tcPr>
            <w:tcW w:w="2126" w:type="dxa"/>
          </w:tcPr>
          <w:p w:rsidR="00496112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й-июнь</w:t>
            </w:r>
          </w:p>
        </w:tc>
        <w:tc>
          <w:tcPr>
            <w:tcW w:w="2532" w:type="dxa"/>
          </w:tcPr>
          <w:p w:rsidR="00496112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3051" w:type="dxa"/>
          </w:tcPr>
          <w:p w:rsidR="00496112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ное расписание</w:t>
            </w:r>
          </w:p>
        </w:tc>
      </w:tr>
      <w:tr w:rsidR="003D0B74" w:rsidRPr="00085F16" w:rsidTr="003D0B74">
        <w:tc>
          <w:tcPr>
            <w:tcW w:w="15254" w:type="dxa"/>
            <w:gridSpan w:val="5"/>
          </w:tcPr>
          <w:p w:rsidR="003D0B74" w:rsidRPr="00085F16" w:rsidRDefault="003D0B74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2. Нормативно-правовое обеспечение</w:t>
            </w:r>
          </w:p>
        </w:tc>
      </w:tr>
      <w:tr w:rsidR="003D0B74" w:rsidRPr="00085F16" w:rsidTr="00496112">
        <w:tc>
          <w:tcPr>
            <w:tcW w:w="741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1</w:t>
            </w:r>
          </w:p>
        </w:tc>
        <w:tc>
          <w:tcPr>
            <w:tcW w:w="6804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слеживание и своевременное информирование об изменениях нормативно-правовых документов федерального и регионального уровней</w:t>
            </w:r>
          </w:p>
        </w:tc>
        <w:tc>
          <w:tcPr>
            <w:tcW w:w="2126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мере поступления</w:t>
            </w:r>
          </w:p>
        </w:tc>
        <w:tc>
          <w:tcPr>
            <w:tcW w:w="2532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3051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для стендов, совещаний, педагогических советов</w:t>
            </w:r>
          </w:p>
        </w:tc>
      </w:tr>
      <w:tr w:rsidR="003D0B74" w:rsidRPr="00085F16" w:rsidTr="00496112">
        <w:tc>
          <w:tcPr>
            <w:tcW w:w="741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2</w:t>
            </w:r>
          </w:p>
        </w:tc>
        <w:tc>
          <w:tcPr>
            <w:tcW w:w="6804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несение коррективов в нормативно-правовые документы школы по итогам их апробации, с учетом изменений федерального и регионального уровня и ООП в части 5-</w:t>
            </w:r>
            <w:r w:rsidR="003F0895"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</w:t>
            </w:r>
          </w:p>
        </w:tc>
        <w:tc>
          <w:tcPr>
            <w:tcW w:w="2126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й-июнь</w:t>
            </w:r>
          </w:p>
        </w:tc>
        <w:tc>
          <w:tcPr>
            <w:tcW w:w="2532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3051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еализация регламента утверждения нормативно-правовых документов в соответствии с Уставом школы</w:t>
            </w:r>
          </w:p>
        </w:tc>
      </w:tr>
      <w:tr w:rsidR="003D0B74" w:rsidRPr="00085F16" w:rsidTr="00496112">
        <w:tc>
          <w:tcPr>
            <w:tcW w:w="741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3</w:t>
            </w:r>
          </w:p>
        </w:tc>
        <w:tc>
          <w:tcPr>
            <w:tcW w:w="6804" w:type="dxa"/>
          </w:tcPr>
          <w:p w:rsidR="003D0B74" w:rsidRPr="00085F16" w:rsidRDefault="00212E8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Реализация новых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ОП НОО (1 класс),  ООП ООО (5 класс); продолжение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еализации ООП НОО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(2-4 классы)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ООП ООО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(6-9 классы)</w:t>
            </w:r>
          </w:p>
        </w:tc>
        <w:tc>
          <w:tcPr>
            <w:tcW w:w="2126" w:type="dxa"/>
          </w:tcPr>
          <w:p w:rsidR="003D0B74" w:rsidRPr="00085F16" w:rsidRDefault="00D543D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2532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 школы</w:t>
            </w:r>
          </w:p>
        </w:tc>
        <w:tc>
          <w:tcPr>
            <w:tcW w:w="3051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иказ об утверждении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новой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ОП</w:t>
            </w:r>
          </w:p>
        </w:tc>
      </w:tr>
      <w:tr w:rsidR="003D0B74" w:rsidRPr="00085F16" w:rsidTr="003D0B74">
        <w:tc>
          <w:tcPr>
            <w:tcW w:w="15254" w:type="dxa"/>
            <w:gridSpan w:val="5"/>
          </w:tcPr>
          <w:p w:rsidR="003D0B74" w:rsidRPr="00085F16" w:rsidRDefault="003D0B74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3.Финансово-экономическое обеспечение</w:t>
            </w:r>
          </w:p>
        </w:tc>
      </w:tr>
      <w:tr w:rsidR="003D0B74" w:rsidRPr="00085F16" w:rsidTr="00496112">
        <w:tc>
          <w:tcPr>
            <w:tcW w:w="741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1</w:t>
            </w:r>
          </w:p>
        </w:tc>
        <w:tc>
          <w:tcPr>
            <w:tcW w:w="6804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рка обеспеченности учебниками обучающихся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 w:rsidR="00F225AE"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ов</w:t>
            </w:r>
          </w:p>
        </w:tc>
        <w:tc>
          <w:tcPr>
            <w:tcW w:w="2126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3 сентября</w:t>
            </w:r>
          </w:p>
        </w:tc>
        <w:tc>
          <w:tcPr>
            <w:tcW w:w="2532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</w:p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едагог-библиотекарь</w:t>
            </w:r>
          </w:p>
        </w:tc>
        <w:tc>
          <w:tcPr>
            <w:tcW w:w="3051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</w:t>
            </w:r>
          </w:p>
        </w:tc>
      </w:tr>
      <w:tr w:rsidR="003D0B74" w:rsidRPr="00085F16" w:rsidTr="00496112">
        <w:tc>
          <w:tcPr>
            <w:tcW w:w="741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2</w:t>
            </w:r>
          </w:p>
        </w:tc>
        <w:tc>
          <w:tcPr>
            <w:tcW w:w="6804" w:type="dxa"/>
          </w:tcPr>
          <w:p w:rsidR="003D0B74" w:rsidRPr="00085F16" w:rsidRDefault="003D0B7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снащение школьной библиотеки печатными и электронными образовательными ресурсами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>по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всем предметам учебного плана ООП</w:t>
            </w:r>
          </w:p>
        </w:tc>
        <w:tc>
          <w:tcPr>
            <w:tcW w:w="2126" w:type="dxa"/>
          </w:tcPr>
          <w:p w:rsidR="003D0B74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2532" w:type="dxa"/>
          </w:tcPr>
          <w:p w:rsidR="003D0B74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дминистрация</w:t>
            </w:r>
          </w:p>
        </w:tc>
        <w:tc>
          <w:tcPr>
            <w:tcW w:w="3051" w:type="dxa"/>
          </w:tcPr>
          <w:p w:rsidR="003D0B74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база учебной и учебно-методической литературы школы</w:t>
            </w:r>
          </w:p>
        </w:tc>
      </w:tr>
      <w:tr w:rsidR="003D0B74" w:rsidRPr="00085F16" w:rsidTr="00496112">
        <w:tc>
          <w:tcPr>
            <w:tcW w:w="741" w:type="dxa"/>
          </w:tcPr>
          <w:p w:rsidR="003D0B74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3</w:t>
            </w:r>
          </w:p>
        </w:tc>
        <w:tc>
          <w:tcPr>
            <w:tcW w:w="6804" w:type="dxa"/>
          </w:tcPr>
          <w:p w:rsidR="003D0B74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дготовка к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>2023-2024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бному году:</w:t>
            </w:r>
          </w:p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- инвентаризация материально-технической базы на соответствие требованиям ООП ОУ</w:t>
            </w:r>
            <w:r w:rsidR="00AC5EB3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ФГОС НОО,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ФГОС ООО</w:t>
            </w:r>
          </w:p>
        </w:tc>
        <w:tc>
          <w:tcPr>
            <w:tcW w:w="2126" w:type="dxa"/>
          </w:tcPr>
          <w:p w:rsidR="003D0B74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рт</w:t>
            </w:r>
          </w:p>
        </w:tc>
        <w:tc>
          <w:tcPr>
            <w:tcW w:w="2532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  <w:p w:rsidR="003D0B74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</w:t>
            </w:r>
          </w:p>
        </w:tc>
        <w:tc>
          <w:tcPr>
            <w:tcW w:w="3051" w:type="dxa"/>
          </w:tcPr>
          <w:p w:rsidR="003D0B74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полнение базы данных по материально-техническому обеспечению школы, базы учебной и учебно-методической литературы</w:t>
            </w:r>
          </w:p>
        </w:tc>
      </w:tr>
      <w:tr w:rsidR="0077109C" w:rsidRPr="00085F16" w:rsidTr="00364C4F">
        <w:tc>
          <w:tcPr>
            <w:tcW w:w="15254" w:type="dxa"/>
            <w:gridSpan w:val="5"/>
          </w:tcPr>
          <w:p w:rsidR="0077109C" w:rsidRPr="00085F16" w:rsidRDefault="0077109C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4.Кадровое обеспечение</w:t>
            </w:r>
          </w:p>
        </w:tc>
      </w:tr>
      <w:tr w:rsidR="0077109C" w:rsidRPr="00085F16" w:rsidTr="00496112">
        <w:tc>
          <w:tcPr>
            <w:tcW w:w="741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1</w:t>
            </w:r>
          </w:p>
        </w:tc>
        <w:tc>
          <w:tcPr>
            <w:tcW w:w="6804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Утверждение штатного расписания и расстановка кадров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на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>2022-202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х год</w:t>
            </w:r>
          </w:p>
        </w:tc>
        <w:tc>
          <w:tcPr>
            <w:tcW w:w="2126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август</w:t>
            </w:r>
          </w:p>
        </w:tc>
        <w:tc>
          <w:tcPr>
            <w:tcW w:w="2532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 школы</w:t>
            </w:r>
          </w:p>
        </w:tc>
        <w:tc>
          <w:tcPr>
            <w:tcW w:w="3051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штатное расписание</w:t>
            </w:r>
          </w:p>
        </w:tc>
      </w:tr>
      <w:tr w:rsidR="0077109C" w:rsidRPr="00085F16" w:rsidTr="00496112">
        <w:tc>
          <w:tcPr>
            <w:tcW w:w="741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4.2</w:t>
            </w:r>
          </w:p>
        </w:tc>
        <w:tc>
          <w:tcPr>
            <w:tcW w:w="6804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заявки на курсовую подготовку.</w:t>
            </w:r>
          </w:p>
        </w:tc>
        <w:tc>
          <w:tcPr>
            <w:tcW w:w="2126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  <w:tc>
          <w:tcPr>
            <w:tcW w:w="2532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3051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явка</w:t>
            </w:r>
          </w:p>
        </w:tc>
      </w:tr>
      <w:tr w:rsidR="0077109C" w:rsidRPr="00085F16" w:rsidTr="00496112">
        <w:tc>
          <w:tcPr>
            <w:tcW w:w="741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3</w:t>
            </w:r>
          </w:p>
        </w:tc>
        <w:tc>
          <w:tcPr>
            <w:tcW w:w="6804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тарификации педагогических работников на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>2022-2023</w:t>
            </w:r>
            <w:r w:rsidR="00035DBF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бный год</w:t>
            </w:r>
          </w:p>
        </w:tc>
        <w:tc>
          <w:tcPr>
            <w:tcW w:w="2126" w:type="dxa"/>
          </w:tcPr>
          <w:p w:rsidR="0077109C" w:rsidRPr="00085F16" w:rsidRDefault="008F12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вгуст, январь</w:t>
            </w:r>
          </w:p>
        </w:tc>
        <w:tc>
          <w:tcPr>
            <w:tcW w:w="2532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 школы</w:t>
            </w:r>
          </w:p>
        </w:tc>
        <w:tc>
          <w:tcPr>
            <w:tcW w:w="3051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тарификация</w:t>
            </w:r>
          </w:p>
        </w:tc>
      </w:tr>
      <w:tr w:rsidR="008F12B1" w:rsidRPr="00085F16" w:rsidTr="00694949">
        <w:tc>
          <w:tcPr>
            <w:tcW w:w="15254" w:type="dxa"/>
            <w:gridSpan w:val="5"/>
          </w:tcPr>
          <w:p w:rsidR="008F12B1" w:rsidRPr="00085F16" w:rsidRDefault="008F12B1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5.Информационное обе</w:t>
            </w:r>
            <w:r w:rsidR="00A137D0"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с</w:t>
            </w: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печение</w:t>
            </w:r>
          </w:p>
        </w:tc>
      </w:tr>
      <w:tr w:rsidR="0077109C" w:rsidRPr="00085F16" w:rsidTr="00496112">
        <w:tc>
          <w:tcPr>
            <w:tcW w:w="741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.1</w:t>
            </w:r>
          </w:p>
        </w:tc>
        <w:tc>
          <w:tcPr>
            <w:tcW w:w="6804" w:type="dxa"/>
          </w:tcPr>
          <w:p w:rsidR="0077109C" w:rsidRPr="00085F16" w:rsidRDefault="0077109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рганизация взаимодействия учителей по обсуждению вопросов ФГОС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>202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, обмену опытом</w:t>
            </w:r>
          </w:p>
        </w:tc>
        <w:tc>
          <w:tcPr>
            <w:tcW w:w="2126" w:type="dxa"/>
          </w:tcPr>
          <w:p w:rsidR="0077109C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</w:t>
            </w:r>
            <w:r w:rsidR="0077109C" w:rsidRPr="00085F16">
              <w:rPr>
                <w:rFonts w:ascii="Times New Roman" w:hAnsi="Times New Roman" w:cs="Times New Roman"/>
                <w:sz w:val="24"/>
                <w:szCs w:val="24"/>
              </w:rPr>
              <w:t>о плану МО</w:t>
            </w:r>
          </w:p>
        </w:tc>
        <w:tc>
          <w:tcPr>
            <w:tcW w:w="2532" w:type="dxa"/>
          </w:tcPr>
          <w:p w:rsidR="0077109C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</w:t>
            </w:r>
            <w:r w:rsidR="0077109C" w:rsidRPr="00085F16">
              <w:rPr>
                <w:rFonts w:ascii="Times New Roman" w:hAnsi="Times New Roman" w:cs="Times New Roman"/>
                <w:sz w:val="24"/>
                <w:szCs w:val="24"/>
              </w:rPr>
              <w:t>уководитель МО</w:t>
            </w:r>
          </w:p>
        </w:tc>
        <w:tc>
          <w:tcPr>
            <w:tcW w:w="3051" w:type="dxa"/>
          </w:tcPr>
          <w:p w:rsidR="0077109C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проб</w:t>
            </w:r>
            <w:r w:rsidR="0077109C" w:rsidRPr="00085F16">
              <w:rPr>
                <w:rFonts w:ascii="Times New Roman" w:hAnsi="Times New Roman" w:cs="Times New Roman"/>
                <w:sz w:val="24"/>
                <w:szCs w:val="24"/>
              </w:rPr>
              <w:t>лем, вынесенных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на обсуждение; протоколы МО</w:t>
            </w:r>
          </w:p>
        </w:tc>
      </w:tr>
      <w:tr w:rsidR="00000763" w:rsidRPr="00085F16" w:rsidTr="00496112">
        <w:tc>
          <w:tcPr>
            <w:tcW w:w="741" w:type="dxa"/>
          </w:tcPr>
          <w:p w:rsidR="00000763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.2</w:t>
            </w:r>
          </w:p>
        </w:tc>
        <w:tc>
          <w:tcPr>
            <w:tcW w:w="6804" w:type="dxa"/>
          </w:tcPr>
          <w:p w:rsidR="00000763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провождение разделов (страничек) сайта школы по вопросам ФГОС</w:t>
            </w:r>
          </w:p>
        </w:tc>
        <w:tc>
          <w:tcPr>
            <w:tcW w:w="2126" w:type="dxa"/>
          </w:tcPr>
          <w:p w:rsidR="00000763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ежеквартально</w:t>
            </w:r>
          </w:p>
        </w:tc>
        <w:tc>
          <w:tcPr>
            <w:tcW w:w="2532" w:type="dxa"/>
          </w:tcPr>
          <w:p w:rsidR="00000763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й за сайт</w:t>
            </w:r>
          </w:p>
        </w:tc>
        <w:tc>
          <w:tcPr>
            <w:tcW w:w="3051" w:type="dxa"/>
          </w:tcPr>
          <w:p w:rsidR="00000763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новленная на сайте информация</w:t>
            </w:r>
          </w:p>
        </w:tc>
      </w:tr>
      <w:tr w:rsidR="00000763" w:rsidRPr="00085F16" w:rsidTr="00496112">
        <w:tc>
          <w:tcPr>
            <w:tcW w:w="741" w:type="dxa"/>
          </w:tcPr>
          <w:p w:rsidR="00000763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.3</w:t>
            </w:r>
          </w:p>
        </w:tc>
        <w:tc>
          <w:tcPr>
            <w:tcW w:w="6804" w:type="dxa"/>
          </w:tcPr>
          <w:p w:rsidR="00000763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родительских собраний в </w:t>
            </w:r>
            <w:r w:rsidR="003F0895"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 w:rsidR="00F225AE"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х</w:t>
            </w:r>
          </w:p>
        </w:tc>
        <w:tc>
          <w:tcPr>
            <w:tcW w:w="2126" w:type="dxa"/>
          </w:tcPr>
          <w:p w:rsidR="00000763" w:rsidRPr="00085F16" w:rsidRDefault="0000076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з в четверть</w:t>
            </w:r>
          </w:p>
        </w:tc>
        <w:tc>
          <w:tcPr>
            <w:tcW w:w="2532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й руководитель</w:t>
            </w:r>
          </w:p>
        </w:tc>
        <w:tc>
          <w:tcPr>
            <w:tcW w:w="3051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токолы родительских собраний</w:t>
            </w:r>
          </w:p>
        </w:tc>
      </w:tr>
      <w:tr w:rsidR="00364C4F" w:rsidRPr="00085F16" w:rsidTr="00496112">
        <w:tc>
          <w:tcPr>
            <w:tcW w:w="741" w:type="dxa"/>
          </w:tcPr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.4</w:t>
            </w:r>
          </w:p>
        </w:tc>
        <w:tc>
          <w:tcPr>
            <w:tcW w:w="6804" w:type="dxa"/>
          </w:tcPr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ндивидуальные консультации для родителей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ерво- и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ятиклассников</w:t>
            </w:r>
          </w:p>
        </w:tc>
        <w:tc>
          <w:tcPr>
            <w:tcW w:w="2126" w:type="dxa"/>
          </w:tcPr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необходимости</w:t>
            </w:r>
          </w:p>
        </w:tc>
        <w:tc>
          <w:tcPr>
            <w:tcW w:w="2532" w:type="dxa"/>
          </w:tcPr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учителя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1,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 класс</w:t>
            </w:r>
          </w:p>
        </w:tc>
        <w:tc>
          <w:tcPr>
            <w:tcW w:w="3051" w:type="dxa"/>
          </w:tcPr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00763" w:rsidRPr="00085F16" w:rsidTr="00496112">
        <w:tc>
          <w:tcPr>
            <w:tcW w:w="741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.5</w:t>
            </w:r>
          </w:p>
        </w:tc>
        <w:tc>
          <w:tcPr>
            <w:tcW w:w="6804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еспечение доступа родителей, учителей и детей к ЭОР ОУ, сайту школы</w:t>
            </w:r>
          </w:p>
        </w:tc>
        <w:tc>
          <w:tcPr>
            <w:tcW w:w="2126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необходимости и согласованию</w:t>
            </w:r>
          </w:p>
        </w:tc>
        <w:tc>
          <w:tcPr>
            <w:tcW w:w="2532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истемный администратор</w:t>
            </w:r>
          </w:p>
        </w:tc>
        <w:tc>
          <w:tcPr>
            <w:tcW w:w="3051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журнал посещений</w:t>
            </w:r>
          </w:p>
        </w:tc>
      </w:tr>
      <w:tr w:rsidR="00364C4F" w:rsidRPr="00085F16" w:rsidTr="00364C4F">
        <w:tc>
          <w:tcPr>
            <w:tcW w:w="15254" w:type="dxa"/>
            <w:gridSpan w:val="5"/>
          </w:tcPr>
          <w:p w:rsidR="00364C4F" w:rsidRPr="00085F16" w:rsidRDefault="00364C4F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6. Методическое обеспечение</w:t>
            </w:r>
          </w:p>
        </w:tc>
      </w:tr>
      <w:tr w:rsidR="00000763" w:rsidRPr="00085F16" w:rsidTr="00496112">
        <w:tc>
          <w:tcPr>
            <w:tcW w:w="741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.1</w:t>
            </w:r>
          </w:p>
        </w:tc>
        <w:tc>
          <w:tcPr>
            <w:tcW w:w="6804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тартовая диагностика учебных достижений пятиклассников на начало учебного года. Подбор диагностического инструментария для изучения готовности обучающихся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>са к освоению ООП Н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О</w:t>
            </w:r>
          </w:p>
        </w:tc>
        <w:tc>
          <w:tcPr>
            <w:tcW w:w="2126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2532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3051" w:type="dxa"/>
          </w:tcPr>
          <w:p w:rsidR="00000763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банк диагностик</w:t>
            </w:r>
          </w:p>
        </w:tc>
      </w:tr>
      <w:tr w:rsidR="00364C4F" w:rsidRPr="00085F16" w:rsidTr="00496112">
        <w:tc>
          <w:tcPr>
            <w:tcW w:w="741" w:type="dxa"/>
          </w:tcPr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.2</w:t>
            </w:r>
          </w:p>
        </w:tc>
        <w:tc>
          <w:tcPr>
            <w:tcW w:w="6804" w:type="dxa"/>
          </w:tcPr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етодическое обеспечение внеурочной деятельности:</w:t>
            </w:r>
          </w:p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- анализ результатов реализации внеурочной деятельности в </w:t>
            </w:r>
            <w:r w:rsidR="00D543D7"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 w:rsidR="00F225AE"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х;</w:t>
            </w:r>
          </w:p>
          <w:p w:rsidR="00364C4F" w:rsidRPr="00085F16" w:rsidRDefault="00D543D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- посещение занятий в 1</w:t>
            </w:r>
            <w:r w:rsidR="00364C4F" w:rsidRPr="00085F16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 w:rsidR="00F225AE"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 w:rsidR="00364C4F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х</w:t>
            </w:r>
          </w:p>
        </w:tc>
        <w:tc>
          <w:tcPr>
            <w:tcW w:w="2126" w:type="dxa"/>
          </w:tcPr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тябрь,</w:t>
            </w:r>
          </w:p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 ВШК</w:t>
            </w:r>
          </w:p>
        </w:tc>
        <w:tc>
          <w:tcPr>
            <w:tcW w:w="2532" w:type="dxa"/>
          </w:tcPr>
          <w:p w:rsidR="00364C4F" w:rsidRPr="00085F16" w:rsidRDefault="00364C4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</w:p>
          <w:p w:rsidR="00364C4F" w:rsidRPr="00085F16" w:rsidRDefault="00D514A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</w:t>
            </w:r>
            <w:r w:rsidR="00364C4F" w:rsidRPr="00085F16">
              <w:rPr>
                <w:rFonts w:ascii="Times New Roman" w:hAnsi="Times New Roman" w:cs="Times New Roman"/>
                <w:sz w:val="24"/>
                <w:szCs w:val="24"/>
              </w:rPr>
              <w:t>едагоги, ведущие часы внеурочной деятельности</w:t>
            </w:r>
          </w:p>
        </w:tc>
        <w:tc>
          <w:tcPr>
            <w:tcW w:w="3051" w:type="dxa"/>
          </w:tcPr>
          <w:p w:rsidR="00364C4F" w:rsidRPr="00085F16" w:rsidRDefault="00D514A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проблем, вынесенных на обсуждение</w:t>
            </w:r>
          </w:p>
        </w:tc>
      </w:tr>
    </w:tbl>
    <w:p w:rsidR="00496112" w:rsidRPr="00085F16" w:rsidRDefault="00496112" w:rsidP="00085F16">
      <w:pPr>
        <w:ind w:left="360"/>
        <w:rPr>
          <w:rFonts w:ascii="Times New Roman" w:hAnsi="Times New Roman" w:cs="Times New Roman"/>
          <w:sz w:val="24"/>
          <w:szCs w:val="24"/>
        </w:rPr>
      </w:pPr>
    </w:p>
    <w:p w:rsidR="00972921" w:rsidRDefault="00972921" w:rsidP="007364F2">
      <w:pPr>
        <w:pStyle w:val="2"/>
        <w:rPr>
          <w:lang w:val="ru-RU"/>
        </w:rPr>
      </w:pPr>
      <w:bookmarkStart w:id="6" w:name="_Toc120516844"/>
    </w:p>
    <w:p w:rsidR="00972921" w:rsidRPr="00972921" w:rsidRDefault="00972921" w:rsidP="00972921"/>
    <w:p w:rsidR="00D514A1" w:rsidRPr="00972921" w:rsidRDefault="00D514A1" w:rsidP="007364F2">
      <w:pPr>
        <w:pStyle w:val="2"/>
        <w:rPr>
          <w:lang w:val="ru-RU"/>
        </w:rPr>
      </w:pPr>
      <w:r w:rsidRPr="00972921">
        <w:rPr>
          <w:lang w:val="ru-RU"/>
        </w:rPr>
        <w:lastRenderedPageBreak/>
        <w:t>План работы по предупреждению неуспеваемости</w:t>
      </w:r>
      <w:bookmarkEnd w:id="6"/>
    </w:p>
    <w:tbl>
      <w:tblPr>
        <w:tblStyle w:val="a3"/>
        <w:tblW w:w="0" w:type="auto"/>
        <w:tblInd w:w="360" w:type="dxa"/>
        <w:tblLook w:val="04A0"/>
      </w:tblPr>
      <w:tblGrid>
        <w:gridCol w:w="818"/>
        <w:gridCol w:w="5416"/>
        <w:gridCol w:w="2074"/>
        <w:gridCol w:w="2407"/>
      </w:tblGrid>
      <w:tr w:rsidR="00D514A1" w:rsidRPr="00085F16" w:rsidTr="00D514A1">
        <w:tc>
          <w:tcPr>
            <w:tcW w:w="1166" w:type="dxa"/>
          </w:tcPr>
          <w:p w:rsidR="00D514A1" w:rsidRPr="00085F16" w:rsidRDefault="002E1BE5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8363" w:type="dxa"/>
          </w:tcPr>
          <w:p w:rsidR="00D514A1" w:rsidRPr="00085F16" w:rsidRDefault="002E1BE5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Мероприятия</w:t>
            </w:r>
          </w:p>
        </w:tc>
        <w:tc>
          <w:tcPr>
            <w:tcW w:w="2835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</w:t>
            </w:r>
            <w:r w:rsidR="002E1BE5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роки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</w:t>
            </w:r>
          </w:p>
        </w:tc>
        <w:tc>
          <w:tcPr>
            <w:tcW w:w="2890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</w:t>
            </w:r>
            <w:r w:rsidR="002E1BE5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тветственные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</w:t>
            </w:r>
          </w:p>
        </w:tc>
      </w:tr>
      <w:tr w:rsidR="00D514A1" w:rsidRPr="00085F16" w:rsidTr="00D514A1">
        <w:tc>
          <w:tcPr>
            <w:tcW w:w="1166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8363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явление слабоуспевающих обучающихся в классах и изучение возможных причин неуспеваемости</w:t>
            </w:r>
          </w:p>
        </w:tc>
        <w:tc>
          <w:tcPr>
            <w:tcW w:w="2835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2890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-предметники</w:t>
            </w:r>
          </w:p>
        </w:tc>
      </w:tr>
      <w:tr w:rsidR="00D514A1" w:rsidRPr="00085F16" w:rsidTr="00D514A1">
        <w:tc>
          <w:tcPr>
            <w:tcW w:w="1166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8363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фференцирование домашних заданий с учетом возможностей и способностей ребенка</w:t>
            </w:r>
          </w:p>
        </w:tc>
        <w:tc>
          <w:tcPr>
            <w:tcW w:w="2835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тоянно</w:t>
            </w:r>
          </w:p>
        </w:tc>
        <w:tc>
          <w:tcPr>
            <w:tcW w:w="2890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-предметники</w:t>
            </w:r>
          </w:p>
        </w:tc>
      </w:tr>
      <w:tr w:rsidR="00D514A1" w:rsidRPr="00085F16" w:rsidTr="00D514A1">
        <w:tc>
          <w:tcPr>
            <w:tcW w:w="1166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8363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полнительные учебные занятия в каникулярное время со слабоуспевающими учащимися</w:t>
            </w:r>
          </w:p>
        </w:tc>
        <w:tc>
          <w:tcPr>
            <w:tcW w:w="2835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есенние, осенние каникулы</w:t>
            </w:r>
          </w:p>
        </w:tc>
        <w:tc>
          <w:tcPr>
            <w:tcW w:w="2890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-предметники</w:t>
            </w:r>
          </w:p>
        </w:tc>
      </w:tr>
      <w:tr w:rsidR="00D514A1" w:rsidRPr="00085F16" w:rsidTr="00D514A1">
        <w:tc>
          <w:tcPr>
            <w:tcW w:w="1166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8363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совещаний при директоре «Состояние УВР со слабоуспевающими обучающимися»</w:t>
            </w:r>
          </w:p>
        </w:tc>
        <w:tc>
          <w:tcPr>
            <w:tcW w:w="2835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 раз в четверть</w:t>
            </w:r>
          </w:p>
        </w:tc>
        <w:tc>
          <w:tcPr>
            <w:tcW w:w="2890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D514A1" w:rsidRPr="00085F16" w:rsidTr="00D514A1">
        <w:tc>
          <w:tcPr>
            <w:tcW w:w="1166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8363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заседаний МО по профилактике неуспеваемости и академической задолженности</w:t>
            </w:r>
          </w:p>
        </w:tc>
        <w:tc>
          <w:tcPr>
            <w:tcW w:w="2835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оябрь</w:t>
            </w:r>
          </w:p>
        </w:tc>
        <w:tc>
          <w:tcPr>
            <w:tcW w:w="2890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-предметники</w:t>
            </w:r>
          </w:p>
        </w:tc>
      </w:tr>
      <w:tr w:rsidR="00D514A1" w:rsidRPr="00085F16" w:rsidTr="00D514A1">
        <w:tc>
          <w:tcPr>
            <w:tcW w:w="1166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8363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успеваемости и работы со слабоуспевающими учащимися на педагогических советах</w:t>
            </w:r>
          </w:p>
        </w:tc>
        <w:tc>
          <w:tcPr>
            <w:tcW w:w="2835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вгуст, ноябрь, декабрь, март, май</w:t>
            </w:r>
          </w:p>
        </w:tc>
        <w:tc>
          <w:tcPr>
            <w:tcW w:w="2890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D514A1" w:rsidRPr="00085F16" w:rsidTr="00D514A1">
        <w:tc>
          <w:tcPr>
            <w:tcW w:w="1166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8363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воевременное извещение родителей о неуспеваемости учащихся</w:t>
            </w:r>
          </w:p>
        </w:tc>
        <w:tc>
          <w:tcPr>
            <w:tcW w:w="2835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тоянно</w:t>
            </w:r>
          </w:p>
        </w:tc>
        <w:tc>
          <w:tcPr>
            <w:tcW w:w="2890" w:type="dxa"/>
          </w:tcPr>
          <w:p w:rsidR="00D514A1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е руководители</w:t>
            </w:r>
          </w:p>
        </w:tc>
      </w:tr>
      <w:tr w:rsidR="00701FBA" w:rsidRPr="00085F16" w:rsidTr="00D514A1">
        <w:tc>
          <w:tcPr>
            <w:tcW w:w="1166" w:type="dxa"/>
          </w:tcPr>
          <w:p w:rsidR="00701FBA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8363" w:type="dxa"/>
          </w:tcPr>
          <w:p w:rsidR="00701FBA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ещение уроков с целью анализа работы учителя по предупреждению неуспеваемости в ходе тематических комплексных проверок</w:t>
            </w:r>
          </w:p>
        </w:tc>
        <w:tc>
          <w:tcPr>
            <w:tcW w:w="2835" w:type="dxa"/>
          </w:tcPr>
          <w:p w:rsidR="00701FBA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учебного года</w:t>
            </w:r>
          </w:p>
        </w:tc>
        <w:tc>
          <w:tcPr>
            <w:tcW w:w="2890" w:type="dxa"/>
          </w:tcPr>
          <w:p w:rsidR="00701FBA" w:rsidRPr="00085F16" w:rsidRDefault="00701FB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</w:tbl>
    <w:p w:rsidR="00701FBA" w:rsidRPr="00085F16" w:rsidRDefault="00701FBA" w:rsidP="00085F16">
      <w:pPr>
        <w:rPr>
          <w:rFonts w:ascii="Times New Roman" w:hAnsi="Times New Roman" w:cs="Times New Roman"/>
          <w:sz w:val="24"/>
          <w:szCs w:val="24"/>
        </w:rPr>
      </w:pPr>
    </w:p>
    <w:p w:rsidR="00F10E99" w:rsidRPr="00F10E99" w:rsidRDefault="00F10E99" w:rsidP="00F10E99">
      <w:bookmarkStart w:id="7" w:name="_Toc120516845"/>
    </w:p>
    <w:p w:rsidR="00701FBA" w:rsidRPr="00F10E99" w:rsidRDefault="00701FBA" w:rsidP="007364F2">
      <w:pPr>
        <w:pStyle w:val="1"/>
        <w:rPr>
          <w:lang w:val="ru-RU"/>
        </w:rPr>
      </w:pPr>
      <w:r w:rsidRPr="007364F2">
        <w:t>II</w:t>
      </w:r>
      <w:r w:rsidRPr="00F10E99">
        <w:rPr>
          <w:lang w:val="ru-RU"/>
        </w:rPr>
        <w:t>. Организационно-педагогические мероприятия</w:t>
      </w:r>
      <w:bookmarkEnd w:id="7"/>
      <w:r w:rsidRPr="00F10E99">
        <w:rPr>
          <w:lang w:val="ru-RU"/>
        </w:rPr>
        <w:t xml:space="preserve"> </w:t>
      </w:r>
    </w:p>
    <w:p w:rsidR="00701FBA" w:rsidRPr="00085F16" w:rsidRDefault="00416775" w:rsidP="00085F16">
      <w:pPr>
        <w:ind w:left="360"/>
        <w:rPr>
          <w:rFonts w:ascii="Times New Roman" w:hAnsi="Times New Roman" w:cs="Times New Roman"/>
          <w:b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>Педагогические советы</w:t>
      </w:r>
    </w:p>
    <w:p w:rsidR="00447CF4" w:rsidRPr="00085F16" w:rsidRDefault="00447CF4" w:rsidP="00085F16">
      <w:pPr>
        <w:ind w:left="36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 xml:space="preserve">Цель: </w:t>
      </w:r>
      <w:r w:rsidRPr="00085F16">
        <w:rPr>
          <w:rFonts w:ascii="Times New Roman" w:hAnsi="Times New Roman" w:cs="Times New Roman"/>
          <w:sz w:val="24"/>
          <w:szCs w:val="24"/>
        </w:rPr>
        <w:t xml:space="preserve">коллективная выработка управленческих решений по созданию условий для эффективного решения приоритетных задач педагогического коллектива на </w:t>
      </w:r>
      <w:r w:rsidR="00543861" w:rsidRPr="00085F16">
        <w:rPr>
          <w:rFonts w:ascii="Times New Roman" w:hAnsi="Times New Roman" w:cs="Times New Roman"/>
          <w:sz w:val="24"/>
          <w:szCs w:val="24"/>
        </w:rPr>
        <w:t>2022-2023</w:t>
      </w:r>
      <w:r w:rsidRPr="00085F16">
        <w:rPr>
          <w:rFonts w:ascii="Times New Roman" w:hAnsi="Times New Roman" w:cs="Times New Roman"/>
          <w:sz w:val="24"/>
          <w:szCs w:val="24"/>
        </w:rPr>
        <w:t xml:space="preserve"> учебный год.</w:t>
      </w:r>
    </w:p>
    <w:tbl>
      <w:tblPr>
        <w:tblStyle w:val="a3"/>
        <w:tblW w:w="0" w:type="auto"/>
        <w:tblInd w:w="360" w:type="dxa"/>
        <w:tblLook w:val="04A0"/>
      </w:tblPr>
      <w:tblGrid>
        <w:gridCol w:w="729"/>
        <w:gridCol w:w="5541"/>
        <w:gridCol w:w="2840"/>
        <w:gridCol w:w="1605"/>
      </w:tblGrid>
      <w:tr w:rsidR="00416775" w:rsidRPr="00085F16" w:rsidTr="00DA609F">
        <w:tc>
          <w:tcPr>
            <w:tcW w:w="882" w:type="dxa"/>
          </w:tcPr>
          <w:p w:rsidR="00416775" w:rsidRPr="00085F16" w:rsidRDefault="00DA609F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 п/п</w:t>
            </w:r>
          </w:p>
        </w:tc>
        <w:tc>
          <w:tcPr>
            <w:tcW w:w="8647" w:type="dxa"/>
          </w:tcPr>
          <w:p w:rsidR="00416775" w:rsidRPr="00085F16" w:rsidRDefault="00DA609F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Тематика педагогических советов</w:t>
            </w:r>
          </w:p>
        </w:tc>
        <w:tc>
          <w:tcPr>
            <w:tcW w:w="3686" w:type="dxa"/>
          </w:tcPr>
          <w:p w:rsidR="00416775" w:rsidRPr="00085F16" w:rsidRDefault="00E27291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</w:t>
            </w:r>
            <w:r w:rsidR="00DA609F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тветственные</w:t>
            </w:r>
          </w:p>
        </w:tc>
        <w:tc>
          <w:tcPr>
            <w:tcW w:w="2039" w:type="dxa"/>
          </w:tcPr>
          <w:p w:rsidR="00416775" w:rsidRPr="00085F16" w:rsidRDefault="00E27291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</w:t>
            </w:r>
            <w:r w:rsidR="00DA609F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роки</w:t>
            </w:r>
          </w:p>
        </w:tc>
      </w:tr>
      <w:tr w:rsidR="00FE1B07" w:rsidRPr="00085F16" w:rsidTr="00DA609F">
        <w:tc>
          <w:tcPr>
            <w:tcW w:w="882" w:type="dxa"/>
            <w:vMerge w:val="restart"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8647" w:type="dxa"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едсовет</w:t>
            </w:r>
            <w:r w:rsidR="0054287A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«</w:t>
            </w:r>
            <w:r w:rsidR="00971789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Единое образовательное пространство и единое</w:t>
            </w:r>
            <w:r w:rsidR="00046DF8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содержание общего образования</w:t>
            </w:r>
            <w:r w:rsidR="0054287A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».</w:t>
            </w:r>
          </w:p>
        </w:tc>
        <w:tc>
          <w:tcPr>
            <w:tcW w:w="3686" w:type="dxa"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ЗД по УВР</w:t>
            </w:r>
          </w:p>
        </w:tc>
        <w:tc>
          <w:tcPr>
            <w:tcW w:w="2039" w:type="dxa"/>
            <w:vMerge w:val="restart"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вгуст-сентябрь</w:t>
            </w:r>
          </w:p>
        </w:tc>
      </w:tr>
      <w:tr w:rsidR="00FE1B07" w:rsidRPr="00085F16" w:rsidTr="00DA609F">
        <w:tc>
          <w:tcPr>
            <w:tcW w:w="882" w:type="dxa"/>
            <w:vMerge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тоги работы </w:t>
            </w:r>
            <w:r w:rsidR="0054287A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едагогического коллектива за </w:t>
            </w:r>
            <w:r w:rsidR="00035DBF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046DF8"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543861" w:rsidRPr="00085F16">
              <w:rPr>
                <w:rFonts w:ascii="Times New Roman" w:hAnsi="Times New Roman" w:cs="Times New Roman"/>
                <w:sz w:val="24"/>
                <w:szCs w:val="24"/>
              </w:rPr>
              <w:t>-202</w:t>
            </w:r>
            <w:r w:rsidR="00046DF8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54287A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.</w:t>
            </w:r>
          </w:p>
        </w:tc>
        <w:tc>
          <w:tcPr>
            <w:tcW w:w="3686" w:type="dxa"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FE1B07" w:rsidRPr="00085F16" w:rsidTr="00DA609F">
        <w:tc>
          <w:tcPr>
            <w:tcW w:w="882" w:type="dxa"/>
            <w:vMerge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ормативно-правовая база.</w:t>
            </w:r>
          </w:p>
        </w:tc>
        <w:tc>
          <w:tcPr>
            <w:tcW w:w="3686" w:type="dxa"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/>
          </w:tcPr>
          <w:p w:rsidR="00FE1B07" w:rsidRPr="00085F16" w:rsidRDefault="00FE1B0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C432A0" w:rsidRPr="00085F16" w:rsidTr="00DA609F">
        <w:tc>
          <w:tcPr>
            <w:tcW w:w="882" w:type="dxa"/>
            <w:vMerge w:val="restart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8647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едсовет</w:t>
            </w:r>
            <w:r w:rsidR="0054287A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«</w:t>
            </w:r>
            <w:r w:rsidR="00046DF8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Наставничество в образовании: современные теории и инновационные практики».</w:t>
            </w:r>
          </w:p>
        </w:tc>
        <w:tc>
          <w:tcPr>
            <w:tcW w:w="3686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</w:t>
            </w:r>
          </w:p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 w:val="restart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ктябрь </w:t>
            </w:r>
          </w:p>
        </w:tc>
      </w:tr>
      <w:tr w:rsidR="00C432A0" w:rsidRPr="00085F16" w:rsidTr="00DA609F">
        <w:tc>
          <w:tcPr>
            <w:tcW w:w="882" w:type="dxa"/>
            <w:vMerge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тоги УВР за 1 четверть.</w:t>
            </w:r>
          </w:p>
        </w:tc>
        <w:tc>
          <w:tcPr>
            <w:tcW w:w="3686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C432A0" w:rsidRPr="00085F16" w:rsidTr="00DA609F">
        <w:tc>
          <w:tcPr>
            <w:tcW w:w="882" w:type="dxa"/>
            <w:vMerge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C432A0" w:rsidRPr="00085F16" w:rsidRDefault="004A6B3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та с неуспевающими и одаренными детьми, с детьми с ОВЗ.</w:t>
            </w:r>
          </w:p>
        </w:tc>
        <w:tc>
          <w:tcPr>
            <w:tcW w:w="3686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C432A0" w:rsidRPr="00085F16" w:rsidTr="00DA609F">
        <w:tc>
          <w:tcPr>
            <w:tcW w:w="882" w:type="dxa"/>
            <w:vMerge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ведение итогов работы по преемственности между начальной и основной школой.</w:t>
            </w:r>
          </w:p>
        </w:tc>
        <w:tc>
          <w:tcPr>
            <w:tcW w:w="3686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-предметники</w:t>
            </w:r>
          </w:p>
        </w:tc>
        <w:tc>
          <w:tcPr>
            <w:tcW w:w="2039" w:type="dxa"/>
            <w:vMerge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C432A0" w:rsidRPr="00085F16" w:rsidTr="00DA609F">
        <w:tc>
          <w:tcPr>
            <w:tcW w:w="882" w:type="dxa"/>
            <w:vMerge w:val="restart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8647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едсовет</w:t>
            </w:r>
            <w:r w:rsidR="0054287A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«</w:t>
            </w:r>
            <w:r w:rsidR="00046DF8" w:rsidRPr="00085F16">
              <w:rPr>
                <w:rFonts w:ascii="Times New Roman" w:hAnsi="Times New Roman" w:cs="Times New Roman"/>
                <w:b/>
                <w:color w:val="000000"/>
                <w:sz w:val="24"/>
                <w:szCs w:val="24"/>
              </w:rPr>
              <w:t>Формирование и оценк</w:t>
            </w:r>
            <w:r w:rsidR="003F77D3" w:rsidRPr="00085F16">
              <w:rPr>
                <w:rFonts w:ascii="Times New Roman" w:hAnsi="Times New Roman" w:cs="Times New Roman"/>
                <w:b/>
                <w:color w:val="000000"/>
                <w:sz w:val="24"/>
                <w:szCs w:val="24"/>
              </w:rPr>
              <w:t>а</w:t>
            </w:r>
            <w:r w:rsidR="00046DF8" w:rsidRPr="00085F16">
              <w:rPr>
                <w:rFonts w:ascii="Times New Roman" w:hAnsi="Times New Roman" w:cs="Times New Roman"/>
                <w:b/>
                <w:color w:val="000000"/>
                <w:sz w:val="24"/>
                <w:szCs w:val="24"/>
              </w:rPr>
              <w:t xml:space="preserve"> функциональной грамотности в цифровой образовательной среде</w:t>
            </w:r>
            <w:r w:rsidR="0054287A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».</w:t>
            </w:r>
          </w:p>
        </w:tc>
        <w:tc>
          <w:tcPr>
            <w:tcW w:w="3686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</w:t>
            </w:r>
          </w:p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 w:val="restart"/>
          </w:tcPr>
          <w:p w:rsidR="00C432A0" w:rsidRPr="00085F16" w:rsidRDefault="0054287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</w:tr>
      <w:tr w:rsidR="00C432A0" w:rsidRPr="00085F16" w:rsidTr="00DA609F">
        <w:tc>
          <w:tcPr>
            <w:tcW w:w="882" w:type="dxa"/>
            <w:vMerge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нализ работы за </w:t>
            </w:r>
            <w:r w:rsidR="00657216" w:rsidRPr="00085F16">
              <w:rPr>
                <w:rFonts w:ascii="Times New Roman" w:hAnsi="Times New Roman" w:cs="Times New Roman"/>
                <w:sz w:val="24"/>
                <w:szCs w:val="24"/>
              </w:rPr>
              <w:t>2 четверть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  <w:r w:rsidR="00657216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тоги успеваемости за 1 полугодие во 2-</w:t>
            </w:r>
            <w:r w:rsidR="003F77D3"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 w:rsidR="00657216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х.</w:t>
            </w:r>
          </w:p>
        </w:tc>
        <w:tc>
          <w:tcPr>
            <w:tcW w:w="3686" w:type="dxa"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/>
          </w:tcPr>
          <w:p w:rsidR="00C432A0" w:rsidRPr="00085F16" w:rsidRDefault="00C432A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A56DA" w:rsidRPr="00085F16" w:rsidTr="00DA609F">
        <w:tc>
          <w:tcPr>
            <w:tcW w:w="882" w:type="dxa"/>
            <w:vMerge w:val="restart"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8647" w:type="dxa"/>
          </w:tcPr>
          <w:p w:rsidR="000A56DA" w:rsidRPr="00085F16" w:rsidRDefault="000A56DA" w:rsidP="00355F28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едсовет</w:t>
            </w:r>
            <w:r w:rsidR="0054287A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«</w:t>
            </w:r>
            <w:r w:rsidR="00355F28" w:rsidRPr="00355F28">
              <w:rPr>
                <w:rFonts w:ascii="Times New Roman" w:hAnsi="Times New Roman" w:cs="Times New Roman"/>
                <w:b/>
                <w:sz w:val="24"/>
                <w:szCs w:val="24"/>
              </w:rPr>
              <w:t>Воспитание ситуацией успеха</w:t>
            </w:r>
            <w:r w:rsidR="0054287A" w:rsidRPr="00355F28">
              <w:rPr>
                <w:rFonts w:ascii="Times New Roman" w:hAnsi="Times New Roman" w:cs="Times New Roman"/>
                <w:b/>
                <w:sz w:val="24"/>
                <w:szCs w:val="24"/>
              </w:rPr>
              <w:t>».</w:t>
            </w:r>
          </w:p>
        </w:tc>
        <w:tc>
          <w:tcPr>
            <w:tcW w:w="3686" w:type="dxa"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 w:val="restart"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рт </w:t>
            </w:r>
          </w:p>
        </w:tc>
      </w:tr>
      <w:tr w:rsidR="000A56DA" w:rsidRPr="00085F16" w:rsidTr="00DA609F">
        <w:tc>
          <w:tcPr>
            <w:tcW w:w="882" w:type="dxa"/>
            <w:vMerge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тоги УВР за 3 четверть.</w:t>
            </w:r>
          </w:p>
        </w:tc>
        <w:tc>
          <w:tcPr>
            <w:tcW w:w="3686" w:type="dxa"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е руководители</w:t>
            </w:r>
          </w:p>
        </w:tc>
        <w:tc>
          <w:tcPr>
            <w:tcW w:w="2039" w:type="dxa"/>
            <w:vMerge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6DF8" w:rsidRPr="00085F16" w:rsidTr="00DA609F">
        <w:tc>
          <w:tcPr>
            <w:tcW w:w="882" w:type="dxa"/>
            <w:vMerge/>
          </w:tcPr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vMerge w:val="restart"/>
          </w:tcPr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ие предметов оп выбору на ГИА выпускников 9</w:t>
            </w:r>
            <w:r w:rsidR="003F77D3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</w:t>
            </w:r>
            <w:r w:rsidR="003F77D3" w:rsidRPr="00085F16">
              <w:rPr>
                <w:rFonts w:ascii="Times New Roman" w:hAnsi="Times New Roman" w:cs="Times New Roman"/>
                <w:sz w:val="24"/>
                <w:szCs w:val="24"/>
              </w:rPr>
              <w:t>ов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 организации и проведении итоговой аттестации в 2023 году.</w:t>
            </w:r>
          </w:p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порядке подготовки и проведении ГИА обучающихся 9</w:t>
            </w:r>
            <w:r w:rsidR="00820EF2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</w:t>
            </w:r>
            <w:r w:rsidR="00820EF2" w:rsidRPr="00085F16">
              <w:rPr>
                <w:rFonts w:ascii="Times New Roman" w:hAnsi="Times New Roman" w:cs="Times New Roman"/>
                <w:sz w:val="24"/>
                <w:szCs w:val="24"/>
              </w:rPr>
              <w:t>ов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3686" w:type="dxa"/>
          </w:tcPr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/>
          </w:tcPr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6DF8" w:rsidRPr="00085F16" w:rsidTr="00DA609F">
        <w:tc>
          <w:tcPr>
            <w:tcW w:w="882" w:type="dxa"/>
            <w:vMerge/>
          </w:tcPr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vMerge/>
          </w:tcPr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686" w:type="dxa"/>
          </w:tcPr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/>
          </w:tcPr>
          <w:p w:rsidR="00046DF8" w:rsidRPr="00085F16" w:rsidRDefault="00046DF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A56DA" w:rsidRPr="00085F16" w:rsidTr="00DA609F">
        <w:tc>
          <w:tcPr>
            <w:tcW w:w="882" w:type="dxa"/>
            <w:vMerge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0A56DA" w:rsidRPr="00085F16" w:rsidRDefault="004A6B3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филактика правонарушений.</w:t>
            </w:r>
          </w:p>
        </w:tc>
        <w:tc>
          <w:tcPr>
            <w:tcW w:w="3686" w:type="dxa"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/>
          </w:tcPr>
          <w:p w:rsidR="000A56DA" w:rsidRPr="00085F16" w:rsidRDefault="000A56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DA609F">
        <w:tc>
          <w:tcPr>
            <w:tcW w:w="882" w:type="dxa"/>
            <w:vMerge w:val="restart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едсовет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«О допуске </w:t>
            </w:r>
            <w:r w:rsidR="00A7170B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9</w:t>
            </w:r>
            <w:r w:rsidR="00820EF2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и 11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класс</w:t>
            </w:r>
            <w:r w:rsidR="00820EF2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в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к сдаче выпускных экзаменов за курс основной</w:t>
            </w:r>
            <w:r w:rsidR="00820EF2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и средней 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школы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 w:val="restart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й </w:t>
            </w:r>
          </w:p>
        </w:tc>
      </w:tr>
      <w:tr w:rsidR="0096625A" w:rsidRPr="00085F16" w:rsidTr="00DA609F">
        <w:tc>
          <w:tcPr>
            <w:tcW w:w="882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тоги методической работы школы за год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  <w:tc>
          <w:tcPr>
            <w:tcW w:w="2039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DA609F">
        <w:tc>
          <w:tcPr>
            <w:tcW w:w="882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 порядке окончания </w:t>
            </w:r>
            <w:r w:rsidR="00046DF8" w:rsidRPr="00085F16">
              <w:rPr>
                <w:rFonts w:ascii="Times New Roman" w:hAnsi="Times New Roman" w:cs="Times New Roman"/>
                <w:sz w:val="24"/>
                <w:szCs w:val="24"/>
              </w:rPr>
              <w:t>2022-202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ого года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DA609F">
        <w:tc>
          <w:tcPr>
            <w:tcW w:w="882" w:type="dxa"/>
            <w:vMerge w:val="restart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едсовет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«Об итогах учебного года </w:t>
            </w:r>
            <w:r w:rsidR="00365292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1-8</w:t>
            </w:r>
            <w:r w:rsidR="00820EF2" w:rsidRPr="00085F16">
              <w:rPr>
                <w:rFonts w:ascii="Times New Roman" w:hAnsi="Times New Roman" w:cs="Times New Roman"/>
                <w:sz w:val="24"/>
                <w:szCs w:val="24"/>
              </w:rPr>
              <w:t>,10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ов»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 w:val="restart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юнь </w:t>
            </w:r>
          </w:p>
        </w:tc>
      </w:tr>
      <w:tr w:rsidR="0096625A" w:rsidRPr="00085F16" w:rsidTr="00DA609F">
        <w:tc>
          <w:tcPr>
            <w:tcW w:w="882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переводе обучающихся 1-8</w:t>
            </w:r>
            <w:r w:rsidR="00820EF2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,10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ов в следующий класс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е руководители</w:t>
            </w:r>
          </w:p>
        </w:tc>
        <w:tc>
          <w:tcPr>
            <w:tcW w:w="2039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DA609F">
        <w:tc>
          <w:tcPr>
            <w:tcW w:w="882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работы летнего оздоровительного лагеря дневного пребывания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DA609F">
        <w:tc>
          <w:tcPr>
            <w:tcW w:w="882" w:type="dxa"/>
            <w:vMerge w:val="restart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едсовет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«О выпуске учащихся 9-го</w:t>
            </w:r>
            <w:r w:rsidR="00820EF2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и 11 –го 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класса, успешно сдавших экзамены за курс основной</w:t>
            </w:r>
            <w:r w:rsidR="00820EF2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и средней 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школы</w:t>
            </w:r>
            <w:r w:rsidR="00447CF4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»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 w:val="restart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юнь </w:t>
            </w:r>
          </w:p>
        </w:tc>
      </w:tr>
      <w:tr w:rsidR="0096625A" w:rsidRPr="00085F16" w:rsidTr="00DA609F">
        <w:tc>
          <w:tcPr>
            <w:tcW w:w="882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выдаче аттестатов особого образца, награждении похвальными грамотами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DA609F">
        <w:tc>
          <w:tcPr>
            <w:tcW w:w="882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нализ работы школы за </w:t>
            </w:r>
            <w:r w:rsidR="00046DF8" w:rsidRPr="00085F16">
              <w:rPr>
                <w:rFonts w:ascii="Times New Roman" w:hAnsi="Times New Roman" w:cs="Times New Roman"/>
                <w:sz w:val="24"/>
                <w:szCs w:val="24"/>
              </w:rPr>
              <w:t>2022-202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.</w:t>
            </w:r>
          </w:p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дачи школы по повышению эффективности и качества образовательного процесса в </w:t>
            </w:r>
            <w:r w:rsidR="00046DF8" w:rsidRPr="00085F16">
              <w:rPr>
                <w:rFonts w:ascii="Times New Roman" w:hAnsi="Times New Roman" w:cs="Times New Roman"/>
                <w:sz w:val="24"/>
                <w:szCs w:val="24"/>
              </w:rPr>
              <w:t>2023-2024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ом году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2039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DA609F">
        <w:tc>
          <w:tcPr>
            <w:tcW w:w="882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ект плана работы школы на </w:t>
            </w:r>
            <w:r w:rsidR="00046DF8" w:rsidRPr="00085F16">
              <w:rPr>
                <w:rFonts w:ascii="Times New Roman" w:hAnsi="Times New Roman" w:cs="Times New Roman"/>
                <w:sz w:val="24"/>
                <w:szCs w:val="24"/>
              </w:rPr>
              <w:t>2023-2024</w:t>
            </w:r>
            <w:r w:rsidR="00447CF4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бный год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DA609F">
        <w:tc>
          <w:tcPr>
            <w:tcW w:w="882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ект учебного плана на </w:t>
            </w:r>
            <w:r w:rsidR="00046DF8" w:rsidRPr="00085F16">
              <w:rPr>
                <w:rFonts w:ascii="Times New Roman" w:hAnsi="Times New Roman" w:cs="Times New Roman"/>
                <w:sz w:val="24"/>
                <w:szCs w:val="24"/>
              </w:rPr>
              <w:t>2023-2024</w:t>
            </w:r>
            <w:r w:rsidR="00447CF4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бный год.</w:t>
            </w:r>
          </w:p>
        </w:tc>
        <w:tc>
          <w:tcPr>
            <w:tcW w:w="3686" w:type="dxa"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  <w:tc>
          <w:tcPr>
            <w:tcW w:w="2039" w:type="dxa"/>
            <w:vMerge/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416775" w:rsidRPr="00085F16" w:rsidRDefault="00416775" w:rsidP="00085F16">
      <w:pPr>
        <w:ind w:left="360"/>
        <w:rPr>
          <w:rFonts w:ascii="Times New Roman" w:hAnsi="Times New Roman" w:cs="Times New Roman"/>
          <w:sz w:val="24"/>
          <w:szCs w:val="24"/>
        </w:rPr>
      </w:pPr>
    </w:p>
    <w:p w:rsidR="001A51C2" w:rsidRPr="00085F16" w:rsidRDefault="0096625A" w:rsidP="007364F2">
      <w:pPr>
        <w:pStyle w:val="2"/>
      </w:pPr>
      <w:bookmarkStart w:id="8" w:name="_Toc120516846"/>
      <w:r w:rsidRPr="00085F16">
        <w:lastRenderedPageBreak/>
        <w:t>План проведения административных совещаний</w:t>
      </w:r>
      <w:bookmarkEnd w:id="8"/>
    </w:p>
    <w:tbl>
      <w:tblPr>
        <w:tblStyle w:val="a3"/>
        <w:tblW w:w="0" w:type="auto"/>
        <w:tblLook w:val="04A0"/>
      </w:tblPr>
      <w:tblGrid>
        <w:gridCol w:w="768"/>
        <w:gridCol w:w="5828"/>
        <w:gridCol w:w="2851"/>
        <w:gridCol w:w="1628"/>
      </w:tblGrid>
      <w:tr w:rsidR="0096625A" w:rsidRPr="00085F16" w:rsidTr="00727E7E">
        <w:tc>
          <w:tcPr>
            <w:tcW w:w="959" w:type="dxa"/>
          </w:tcPr>
          <w:p w:rsidR="00727E7E" w:rsidRPr="00085F16" w:rsidRDefault="00727E7E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  <w:p w:rsidR="0096625A" w:rsidRPr="00085F16" w:rsidRDefault="00727E7E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/п</w:t>
            </w:r>
          </w:p>
        </w:tc>
        <w:tc>
          <w:tcPr>
            <w:tcW w:w="8930" w:type="dxa"/>
          </w:tcPr>
          <w:p w:rsidR="0096625A" w:rsidRPr="00085F16" w:rsidRDefault="00727E7E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Тематика совещаний при директоре</w:t>
            </w:r>
          </w:p>
        </w:tc>
        <w:tc>
          <w:tcPr>
            <w:tcW w:w="3686" w:type="dxa"/>
          </w:tcPr>
          <w:p w:rsidR="0096625A" w:rsidRPr="00085F16" w:rsidRDefault="00727E7E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й</w:t>
            </w:r>
          </w:p>
        </w:tc>
        <w:tc>
          <w:tcPr>
            <w:tcW w:w="2039" w:type="dxa"/>
          </w:tcPr>
          <w:p w:rsidR="0096625A" w:rsidRPr="00085F16" w:rsidRDefault="00727E7E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</w:t>
            </w:r>
          </w:p>
        </w:tc>
      </w:tr>
      <w:tr w:rsidR="0096625A" w:rsidRPr="00085F16" w:rsidTr="00117D4A">
        <w:tc>
          <w:tcPr>
            <w:tcW w:w="959" w:type="dxa"/>
            <w:tcBorders>
              <w:bottom w:val="nil"/>
            </w:tcBorders>
          </w:tcPr>
          <w:p w:rsidR="0096625A" w:rsidRPr="00085F16" w:rsidRDefault="00727E7E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8930" w:type="dxa"/>
          </w:tcPr>
          <w:p w:rsidR="0096625A" w:rsidRPr="00085F16" w:rsidRDefault="00727E7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анитарно</w:t>
            </w:r>
            <w:r w:rsidR="00B9549B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гигиенический режим и техника безопасности труда.</w:t>
            </w:r>
          </w:p>
        </w:tc>
        <w:tc>
          <w:tcPr>
            <w:tcW w:w="3686" w:type="dxa"/>
          </w:tcPr>
          <w:p w:rsidR="0096625A" w:rsidRPr="00085F16" w:rsidRDefault="00727E7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2039" w:type="dxa"/>
            <w:tcBorders>
              <w:bottom w:val="nil"/>
            </w:tcBorders>
          </w:tcPr>
          <w:p w:rsidR="0096625A" w:rsidRPr="00085F16" w:rsidRDefault="00727E7E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</w:tr>
      <w:tr w:rsidR="0096625A" w:rsidRPr="00085F16" w:rsidTr="00117D4A">
        <w:tc>
          <w:tcPr>
            <w:tcW w:w="95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96625A" w:rsidRPr="00085F16" w:rsidRDefault="0096625A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  <w:tcBorders>
              <w:left w:val="single" w:sz="4" w:space="0" w:color="auto"/>
            </w:tcBorders>
          </w:tcPr>
          <w:p w:rsidR="0096625A" w:rsidRPr="00085F16" w:rsidRDefault="00727E7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спределение функциональных обязанностей между членами администрации, руководителями структурных подразделений школы.</w:t>
            </w:r>
          </w:p>
        </w:tc>
        <w:tc>
          <w:tcPr>
            <w:tcW w:w="3686" w:type="dxa"/>
          </w:tcPr>
          <w:p w:rsidR="0096625A" w:rsidRPr="00085F16" w:rsidRDefault="00727E7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117D4A">
        <w:tc>
          <w:tcPr>
            <w:tcW w:w="959" w:type="dxa"/>
            <w:tcBorders>
              <w:top w:val="nil"/>
              <w:bottom w:val="nil"/>
            </w:tcBorders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96625A" w:rsidRPr="00085F16" w:rsidRDefault="00727E7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ованное начало учебного года (состояние учебных кабинетов, пищеблока, укомплектованность кадрами).</w:t>
            </w:r>
          </w:p>
        </w:tc>
        <w:tc>
          <w:tcPr>
            <w:tcW w:w="3686" w:type="dxa"/>
          </w:tcPr>
          <w:p w:rsidR="0096625A" w:rsidRPr="00085F16" w:rsidRDefault="00727E7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117D4A">
        <w:tc>
          <w:tcPr>
            <w:tcW w:w="959" w:type="dxa"/>
            <w:tcBorders>
              <w:top w:val="nil"/>
              <w:bottom w:val="single" w:sz="4" w:space="0" w:color="auto"/>
            </w:tcBorders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96625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бно</w:t>
            </w:r>
            <w:r w:rsidR="00B9549B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методическое обеспечение УВП.</w:t>
            </w:r>
          </w:p>
        </w:tc>
        <w:tc>
          <w:tcPr>
            <w:tcW w:w="3686" w:type="dxa"/>
          </w:tcPr>
          <w:p w:rsidR="0096625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  <w:bottom w:val="single" w:sz="4" w:space="0" w:color="auto"/>
            </w:tcBorders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3D0472">
        <w:trPr>
          <w:trHeight w:val="364"/>
        </w:trPr>
        <w:tc>
          <w:tcPr>
            <w:tcW w:w="959" w:type="dxa"/>
            <w:tcBorders>
              <w:bottom w:val="nil"/>
            </w:tcBorders>
          </w:tcPr>
          <w:p w:rsidR="0096625A" w:rsidRPr="00085F16" w:rsidRDefault="00117D4A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96625A" w:rsidRPr="00085F16" w:rsidRDefault="003D047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ояние работы классных руководителей.</w:t>
            </w:r>
          </w:p>
        </w:tc>
        <w:tc>
          <w:tcPr>
            <w:tcW w:w="3686" w:type="dxa"/>
          </w:tcPr>
          <w:p w:rsidR="0096625A" w:rsidRPr="00085F16" w:rsidRDefault="00B954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  <w:r w:rsidR="00117D4A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2039" w:type="dxa"/>
            <w:tcBorders>
              <w:bottom w:val="nil"/>
            </w:tcBorders>
          </w:tcPr>
          <w:p w:rsidR="0096625A" w:rsidRPr="00085F16" w:rsidRDefault="00117D4A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тябрь</w:t>
            </w:r>
          </w:p>
        </w:tc>
      </w:tr>
      <w:tr w:rsidR="0096625A" w:rsidRPr="00085F16" w:rsidTr="00117D4A">
        <w:tc>
          <w:tcPr>
            <w:tcW w:w="959" w:type="dxa"/>
            <w:tcBorders>
              <w:top w:val="nil"/>
              <w:bottom w:val="nil"/>
            </w:tcBorders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96625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планировании спортивно</w:t>
            </w:r>
            <w:r w:rsidR="00B9549B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оздоровительной работы в рамках учебной и внеурочной работы.</w:t>
            </w:r>
          </w:p>
        </w:tc>
        <w:tc>
          <w:tcPr>
            <w:tcW w:w="3686" w:type="dxa"/>
          </w:tcPr>
          <w:p w:rsidR="0096625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96625A" w:rsidRPr="00085F16" w:rsidTr="00117D4A">
        <w:tc>
          <w:tcPr>
            <w:tcW w:w="959" w:type="dxa"/>
            <w:tcBorders>
              <w:top w:val="nil"/>
            </w:tcBorders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96625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досуговой деятельности обучающихся.</w:t>
            </w:r>
          </w:p>
        </w:tc>
        <w:tc>
          <w:tcPr>
            <w:tcW w:w="3686" w:type="dxa"/>
          </w:tcPr>
          <w:p w:rsidR="0096625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</w:tcBorders>
          </w:tcPr>
          <w:p w:rsidR="0096625A" w:rsidRPr="00085F16" w:rsidRDefault="0096625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117D4A" w:rsidRPr="00085F16" w:rsidTr="00D250E8">
        <w:tc>
          <w:tcPr>
            <w:tcW w:w="959" w:type="dxa"/>
            <w:tcBorders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8930" w:type="dxa"/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даптация </w:t>
            </w:r>
            <w:r w:rsidR="00843CC2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бучающихся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,5 классов</w:t>
            </w:r>
          </w:p>
        </w:tc>
        <w:tc>
          <w:tcPr>
            <w:tcW w:w="3686" w:type="dxa"/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кл. руководитель</w:t>
            </w:r>
          </w:p>
        </w:tc>
        <w:tc>
          <w:tcPr>
            <w:tcW w:w="2039" w:type="dxa"/>
            <w:tcBorders>
              <w:bottom w:val="nil"/>
            </w:tcBorders>
          </w:tcPr>
          <w:p w:rsidR="00117D4A" w:rsidRPr="00085F16" w:rsidRDefault="00D250E8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оябрь</w:t>
            </w:r>
          </w:p>
        </w:tc>
      </w:tr>
      <w:tr w:rsidR="00117D4A" w:rsidRPr="00085F16" w:rsidTr="00D250E8">
        <w:tc>
          <w:tcPr>
            <w:tcW w:w="959" w:type="dxa"/>
            <w:tcBorders>
              <w:top w:val="nil"/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Наличие инструкций по технике безопасности на рабочем месте учителей, классных руководителей; наличие документов, подтверждающих проведение </w:t>
            </w:r>
            <w:r w:rsidR="00D250E8" w:rsidRPr="00085F16">
              <w:rPr>
                <w:rFonts w:ascii="Times New Roman" w:hAnsi="Times New Roman" w:cs="Times New Roman"/>
                <w:sz w:val="24"/>
                <w:szCs w:val="24"/>
              </w:rPr>
              <w:t>инструктажа.</w:t>
            </w:r>
          </w:p>
        </w:tc>
        <w:tc>
          <w:tcPr>
            <w:tcW w:w="3686" w:type="dxa"/>
          </w:tcPr>
          <w:p w:rsidR="00117D4A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117D4A" w:rsidRPr="00085F16" w:rsidTr="00D250E8">
        <w:tc>
          <w:tcPr>
            <w:tcW w:w="959" w:type="dxa"/>
            <w:tcBorders>
              <w:top w:val="nil"/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117D4A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проведения школьных олимпиад.</w:t>
            </w:r>
          </w:p>
        </w:tc>
        <w:tc>
          <w:tcPr>
            <w:tcW w:w="3686" w:type="dxa"/>
          </w:tcPr>
          <w:p w:rsidR="00117D4A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117D4A" w:rsidRPr="00085F16" w:rsidTr="00D250E8">
        <w:tc>
          <w:tcPr>
            <w:tcW w:w="959" w:type="dxa"/>
            <w:tcBorders>
              <w:top w:val="nil"/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117D4A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та школьного сайта</w:t>
            </w:r>
          </w:p>
        </w:tc>
        <w:tc>
          <w:tcPr>
            <w:tcW w:w="3686" w:type="dxa"/>
          </w:tcPr>
          <w:p w:rsidR="00117D4A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й</w:t>
            </w:r>
            <w:r w:rsidR="00B9549B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за сайт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117D4A" w:rsidRPr="00085F16" w:rsidTr="00D250E8">
        <w:tc>
          <w:tcPr>
            <w:tcW w:w="959" w:type="dxa"/>
            <w:tcBorders>
              <w:top w:val="nil"/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117D4A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ояние журналов, дневников.</w:t>
            </w:r>
          </w:p>
        </w:tc>
        <w:tc>
          <w:tcPr>
            <w:tcW w:w="3686" w:type="dxa"/>
          </w:tcPr>
          <w:p w:rsidR="00117D4A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117D4A" w:rsidRPr="00085F16" w:rsidTr="00D250E8">
        <w:tc>
          <w:tcPr>
            <w:tcW w:w="959" w:type="dxa"/>
            <w:tcBorders>
              <w:top w:val="nil"/>
              <w:bottom w:val="nil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117D4A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 работе классных руководителей и социальной службы с </w:t>
            </w:r>
            <w:r w:rsidR="00A7170B" w:rsidRPr="00085F16">
              <w:rPr>
                <w:rFonts w:ascii="Times New Roman" w:hAnsi="Times New Roman" w:cs="Times New Roman"/>
                <w:sz w:val="24"/>
                <w:szCs w:val="24"/>
              </w:rPr>
              <w:t>обучающими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«группы риска».</w:t>
            </w:r>
          </w:p>
        </w:tc>
        <w:tc>
          <w:tcPr>
            <w:tcW w:w="3686" w:type="dxa"/>
          </w:tcPr>
          <w:p w:rsidR="00117D4A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. руководители</w:t>
            </w:r>
          </w:p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сихолог- педагог</w:t>
            </w:r>
          </w:p>
        </w:tc>
        <w:tc>
          <w:tcPr>
            <w:tcW w:w="2039" w:type="dxa"/>
            <w:tcBorders>
              <w:top w:val="nil"/>
              <w:bottom w:val="single" w:sz="4" w:space="0" w:color="auto"/>
            </w:tcBorders>
          </w:tcPr>
          <w:p w:rsidR="00117D4A" w:rsidRPr="00085F16" w:rsidRDefault="00117D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250E8" w:rsidRPr="00085F16" w:rsidTr="00D250E8">
        <w:tc>
          <w:tcPr>
            <w:tcW w:w="959" w:type="dxa"/>
            <w:tcBorders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8930" w:type="dxa"/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полнение правил техники безопасности в спортивном зале на уроках физкультуры</w:t>
            </w:r>
          </w:p>
        </w:tc>
        <w:tc>
          <w:tcPr>
            <w:tcW w:w="3686" w:type="dxa"/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ь физкультуры</w:t>
            </w:r>
          </w:p>
        </w:tc>
        <w:tc>
          <w:tcPr>
            <w:tcW w:w="2039" w:type="dxa"/>
            <w:tcBorders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екабрь</w:t>
            </w:r>
          </w:p>
        </w:tc>
      </w:tr>
      <w:tr w:rsidR="00D250E8" w:rsidRPr="00085F16" w:rsidTr="00D250E8">
        <w:tc>
          <w:tcPr>
            <w:tcW w:w="95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мерах безопасности во время проведения новогодних праздников и зимних каникул.</w:t>
            </w:r>
          </w:p>
        </w:tc>
        <w:tc>
          <w:tcPr>
            <w:tcW w:w="3686" w:type="dxa"/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тв. </w:t>
            </w:r>
            <w:r w:rsidR="00843CC2" w:rsidRPr="00085F16">
              <w:rPr>
                <w:rFonts w:ascii="Times New Roman" w:hAnsi="Times New Roman" w:cs="Times New Roman"/>
                <w:sz w:val="24"/>
                <w:szCs w:val="24"/>
              </w:rPr>
              <w:t>п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ОТ и ТБ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250E8" w:rsidRPr="00085F16" w:rsidTr="00D03B5D">
        <w:tc>
          <w:tcPr>
            <w:tcW w:w="959" w:type="dxa"/>
            <w:tcBorders>
              <w:top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остояние школьной документации по итогам 1 полугодия. </w:t>
            </w:r>
          </w:p>
        </w:tc>
        <w:tc>
          <w:tcPr>
            <w:tcW w:w="3686" w:type="dxa"/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.  директора по УВР. </w:t>
            </w:r>
          </w:p>
        </w:tc>
        <w:tc>
          <w:tcPr>
            <w:tcW w:w="2039" w:type="dxa"/>
            <w:tcBorders>
              <w:top w:val="nil"/>
              <w:bottom w:val="single" w:sz="4" w:space="0" w:color="auto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250E8" w:rsidRPr="00085F16" w:rsidTr="00D03B5D">
        <w:tc>
          <w:tcPr>
            <w:tcW w:w="959" w:type="dxa"/>
            <w:tcBorders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8930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посещаемости занятий 1-</w:t>
            </w:r>
            <w:r w:rsidR="007F52DA"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ов</w:t>
            </w:r>
          </w:p>
        </w:tc>
        <w:tc>
          <w:tcPr>
            <w:tcW w:w="3686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е руководители</w:t>
            </w:r>
          </w:p>
        </w:tc>
        <w:tc>
          <w:tcPr>
            <w:tcW w:w="2039" w:type="dxa"/>
            <w:tcBorders>
              <w:top w:val="single" w:sz="4" w:space="0" w:color="auto"/>
              <w:bottom w:val="nil"/>
            </w:tcBorders>
          </w:tcPr>
          <w:p w:rsidR="00D250E8" w:rsidRPr="00085F16" w:rsidRDefault="00D03B5D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</w:tr>
      <w:tr w:rsidR="00D250E8" w:rsidRPr="00085F16" w:rsidTr="00D03B5D">
        <w:tc>
          <w:tcPr>
            <w:tcW w:w="95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250E8" w:rsidRPr="00085F16" w:rsidRDefault="003D047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ояние профориентационной работы в 9 классе. Выбор путей образования.</w:t>
            </w:r>
          </w:p>
        </w:tc>
        <w:tc>
          <w:tcPr>
            <w:tcW w:w="3686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250E8" w:rsidRPr="00085F16" w:rsidTr="00D03B5D">
        <w:tc>
          <w:tcPr>
            <w:tcW w:w="95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занятости во внеурочное время обучающихся, находящихся на внутри школьном учете и в социально</w:t>
            </w:r>
            <w:r w:rsidR="008F12B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опасном положении.</w:t>
            </w:r>
          </w:p>
        </w:tc>
        <w:tc>
          <w:tcPr>
            <w:tcW w:w="3686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директора по УВ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250E8" w:rsidRPr="00085F16" w:rsidTr="00D03B5D">
        <w:tc>
          <w:tcPr>
            <w:tcW w:w="959" w:type="dxa"/>
            <w:tcBorders>
              <w:top w:val="nil"/>
              <w:bottom w:val="single" w:sz="4" w:space="0" w:color="auto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ходе курсовой подготовки и аттестации педагогических работников школы.</w:t>
            </w:r>
          </w:p>
        </w:tc>
        <w:tc>
          <w:tcPr>
            <w:tcW w:w="3686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тник МО</w:t>
            </w:r>
          </w:p>
        </w:tc>
        <w:tc>
          <w:tcPr>
            <w:tcW w:w="2039" w:type="dxa"/>
            <w:tcBorders>
              <w:top w:val="nil"/>
              <w:bottom w:val="single" w:sz="4" w:space="0" w:color="auto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250E8" w:rsidRPr="00085F16" w:rsidTr="00D03B5D">
        <w:tc>
          <w:tcPr>
            <w:tcW w:w="959" w:type="dxa"/>
            <w:tcBorders>
              <w:bottom w:val="nil"/>
            </w:tcBorders>
          </w:tcPr>
          <w:p w:rsidR="00D250E8" w:rsidRPr="00085F16" w:rsidRDefault="00D03B5D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8930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еализация плана проведения месячника по военно</w:t>
            </w:r>
            <w:r w:rsidR="008F12B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патриотическому воспитанию.</w:t>
            </w:r>
          </w:p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Итоги проведения предметных недель</w:t>
            </w:r>
            <w:r w:rsidR="003D0472"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3686" w:type="dxa"/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039" w:type="dxa"/>
            <w:tcBorders>
              <w:bottom w:val="nil"/>
            </w:tcBorders>
          </w:tcPr>
          <w:p w:rsidR="00D250E8" w:rsidRPr="00085F16" w:rsidRDefault="00D03B5D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евраль</w:t>
            </w:r>
          </w:p>
        </w:tc>
      </w:tr>
      <w:tr w:rsidR="00D250E8" w:rsidRPr="00085F16" w:rsidTr="00D03B5D">
        <w:tc>
          <w:tcPr>
            <w:tcW w:w="95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полнение требований ФГОС</w:t>
            </w:r>
            <w:r w:rsidR="00412C7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202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 современному уроку (итоги посещения уроков).</w:t>
            </w:r>
          </w:p>
        </w:tc>
        <w:tc>
          <w:tcPr>
            <w:tcW w:w="3686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250E8" w:rsidRPr="00085F16" w:rsidTr="00D03B5D">
        <w:tc>
          <w:tcPr>
            <w:tcW w:w="95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качестве проведения классных часов.</w:t>
            </w:r>
          </w:p>
        </w:tc>
        <w:tc>
          <w:tcPr>
            <w:tcW w:w="3686" w:type="dxa"/>
          </w:tcPr>
          <w:p w:rsidR="00D250E8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250E8" w:rsidRPr="00085F16" w:rsidRDefault="00D250E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03B5D" w:rsidRPr="00085F16" w:rsidTr="00AE33B8">
        <w:tc>
          <w:tcPr>
            <w:tcW w:w="959" w:type="dxa"/>
            <w:tcBorders>
              <w:top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зучение нормативно</w:t>
            </w:r>
            <w:r w:rsidR="008F12B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правовой базы проведения государственной (итоговой) аттестации.</w:t>
            </w:r>
          </w:p>
        </w:tc>
        <w:tc>
          <w:tcPr>
            <w:tcW w:w="3686" w:type="dxa"/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  <w:bottom w:val="single" w:sz="4" w:space="0" w:color="auto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03B5D" w:rsidRPr="00085F16" w:rsidTr="00AE33B8">
        <w:tc>
          <w:tcPr>
            <w:tcW w:w="959" w:type="dxa"/>
            <w:tcBorders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8930" w:type="dxa"/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 ходе выполнения </w:t>
            </w:r>
            <w:r w:rsidR="00AE33B8" w:rsidRPr="00085F16">
              <w:rPr>
                <w:rFonts w:ascii="Times New Roman" w:hAnsi="Times New Roman" w:cs="Times New Roman"/>
                <w:sz w:val="24"/>
                <w:szCs w:val="24"/>
              </w:rPr>
              <w:t>мероприятий по подготовке и проведению ГИА в текущем учебном году.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bottom w:val="nil"/>
            </w:tcBorders>
          </w:tcPr>
          <w:p w:rsidR="00D03B5D" w:rsidRPr="00085F16" w:rsidRDefault="00AE33B8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рт</w:t>
            </w:r>
          </w:p>
        </w:tc>
      </w:tr>
      <w:tr w:rsidR="00D03B5D" w:rsidRPr="00085F16" w:rsidTr="00AE33B8">
        <w:tc>
          <w:tcPr>
            <w:tcW w:w="95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едварительная тарификация на </w:t>
            </w:r>
            <w:r w:rsidR="00412C71" w:rsidRPr="00085F16">
              <w:rPr>
                <w:rFonts w:ascii="Times New Roman" w:hAnsi="Times New Roman" w:cs="Times New Roman"/>
                <w:sz w:val="24"/>
                <w:szCs w:val="24"/>
              </w:rPr>
              <w:t>2023-2024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.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.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03B5D" w:rsidRPr="00085F16" w:rsidTr="00AE33B8">
        <w:tc>
          <w:tcPr>
            <w:tcW w:w="959" w:type="dxa"/>
            <w:tcBorders>
              <w:top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нализ деятельности учителей предметников </w:t>
            </w:r>
            <w:r w:rsidR="003D0472"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 по реализации ФГОС.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03B5D" w:rsidRPr="00085F16" w:rsidTr="00AE33B8">
        <w:tc>
          <w:tcPr>
            <w:tcW w:w="959" w:type="dxa"/>
            <w:tcBorders>
              <w:bottom w:val="nil"/>
            </w:tcBorders>
          </w:tcPr>
          <w:p w:rsidR="00D03B5D" w:rsidRPr="00085F16" w:rsidRDefault="00AE33B8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8930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тоги пробных экзаменов по русскому языку и математике и предметов по выбору в 9</w:t>
            </w:r>
            <w:r w:rsidR="007F52DA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</w:t>
            </w:r>
            <w:r w:rsidR="007F52DA" w:rsidRPr="00085F16">
              <w:rPr>
                <w:rFonts w:ascii="Times New Roman" w:hAnsi="Times New Roman" w:cs="Times New Roman"/>
                <w:sz w:val="24"/>
                <w:szCs w:val="24"/>
              </w:rPr>
              <w:t>ов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bottom w:val="nil"/>
            </w:tcBorders>
          </w:tcPr>
          <w:p w:rsidR="00D03B5D" w:rsidRPr="00085F16" w:rsidRDefault="00AE33B8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прель</w:t>
            </w:r>
          </w:p>
        </w:tc>
      </w:tr>
      <w:tr w:rsidR="00D03B5D" w:rsidRPr="00085F16" w:rsidTr="00AE33B8">
        <w:tc>
          <w:tcPr>
            <w:tcW w:w="95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ояние работы с детьми «группы риска».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едагог</w:t>
            </w:r>
            <w:r w:rsidR="008F12B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психолог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03B5D" w:rsidRPr="00085F16" w:rsidTr="00AE33B8">
        <w:tc>
          <w:tcPr>
            <w:tcW w:w="95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контроле за сохранением здоровья школьников в пер</w:t>
            </w:r>
            <w:r w:rsidR="008F12B1" w:rsidRPr="00085F16">
              <w:rPr>
                <w:rFonts w:ascii="Times New Roman" w:hAnsi="Times New Roman" w:cs="Times New Roman"/>
                <w:sz w:val="24"/>
                <w:szCs w:val="24"/>
              </w:rPr>
              <w:t>иод их подготовки к экзаменам (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7F52DA" w:rsidRPr="00085F16">
              <w:rPr>
                <w:rFonts w:ascii="Times New Roman" w:hAnsi="Times New Roman" w:cs="Times New Roman"/>
                <w:sz w:val="24"/>
                <w:szCs w:val="24"/>
              </w:rPr>
              <w:t>,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) в учебной деятельности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03B5D" w:rsidRPr="00085F16" w:rsidTr="00AE33B8">
        <w:tc>
          <w:tcPr>
            <w:tcW w:w="959" w:type="dxa"/>
            <w:tcBorders>
              <w:top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ланирование работы по организации активного отдыха, эффективного оздоровления и занятости обучающихся в летний период.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2039" w:type="dxa"/>
            <w:tcBorders>
              <w:top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03B5D" w:rsidRPr="00085F16" w:rsidTr="00505F61">
        <w:tc>
          <w:tcPr>
            <w:tcW w:w="959" w:type="dxa"/>
            <w:tcBorders>
              <w:bottom w:val="nil"/>
            </w:tcBorders>
          </w:tcPr>
          <w:p w:rsidR="00D03B5D" w:rsidRPr="00085F16" w:rsidRDefault="00AE33B8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9.</w:t>
            </w:r>
          </w:p>
        </w:tc>
        <w:tc>
          <w:tcPr>
            <w:tcW w:w="8930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нализ работы, педагога – библиотекаря, </w:t>
            </w:r>
            <w:r w:rsidR="00843CC2" w:rsidRPr="00085F16">
              <w:rPr>
                <w:rFonts w:ascii="Times New Roman" w:hAnsi="Times New Roman" w:cs="Times New Roman"/>
                <w:sz w:val="24"/>
                <w:szCs w:val="24"/>
              </w:rPr>
              <w:t>педагога-психолога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е</w:t>
            </w:r>
          </w:p>
        </w:tc>
        <w:tc>
          <w:tcPr>
            <w:tcW w:w="2039" w:type="dxa"/>
            <w:tcBorders>
              <w:bottom w:val="nil"/>
            </w:tcBorders>
          </w:tcPr>
          <w:p w:rsidR="00D03B5D" w:rsidRPr="00085F16" w:rsidRDefault="00AE33B8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й</w:t>
            </w:r>
          </w:p>
        </w:tc>
      </w:tr>
      <w:tr w:rsidR="00D03B5D" w:rsidRPr="00085F16" w:rsidTr="00505F61">
        <w:tc>
          <w:tcPr>
            <w:tcW w:w="95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та методической службы.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03B5D" w:rsidRPr="00085F16" w:rsidTr="00505F61">
        <w:tc>
          <w:tcPr>
            <w:tcW w:w="95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б оформлении личных дел </w:t>
            </w:r>
            <w:r w:rsidR="00A7170B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3686" w:type="dxa"/>
          </w:tcPr>
          <w:p w:rsidR="00D03B5D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кретарь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D03B5D" w:rsidRPr="00085F16" w:rsidRDefault="00D03B5D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E33B8" w:rsidRPr="00085F16" w:rsidTr="00505F61">
        <w:tc>
          <w:tcPr>
            <w:tcW w:w="959" w:type="dxa"/>
            <w:tcBorders>
              <w:top w:val="nil"/>
              <w:bottom w:val="nil"/>
            </w:tcBorders>
          </w:tcPr>
          <w:p w:rsidR="00AE33B8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AE33B8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проведении праздников «Последний звонок».</w:t>
            </w:r>
          </w:p>
        </w:tc>
        <w:tc>
          <w:tcPr>
            <w:tcW w:w="3686" w:type="dxa"/>
          </w:tcPr>
          <w:p w:rsidR="00AE33B8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. руководитель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AE33B8" w:rsidRPr="00085F16" w:rsidRDefault="00AE33B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05F61" w:rsidRPr="00085F16" w:rsidTr="00505F61">
        <w:tc>
          <w:tcPr>
            <w:tcW w:w="959" w:type="dxa"/>
            <w:tcBorders>
              <w:top w:val="nil"/>
            </w:tcBorders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 выполнении образовательных программ. Объективность выставления оценок, их накопляемость.</w:t>
            </w:r>
          </w:p>
        </w:tc>
        <w:tc>
          <w:tcPr>
            <w:tcW w:w="3686" w:type="dxa"/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. директора по УВР</w:t>
            </w:r>
          </w:p>
        </w:tc>
        <w:tc>
          <w:tcPr>
            <w:tcW w:w="2039" w:type="dxa"/>
            <w:tcBorders>
              <w:top w:val="nil"/>
            </w:tcBorders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05F61" w:rsidRPr="00085F16" w:rsidTr="00505F61">
        <w:tc>
          <w:tcPr>
            <w:tcW w:w="959" w:type="dxa"/>
            <w:tcBorders>
              <w:bottom w:val="nil"/>
            </w:tcBorders>
          </w:tcPr>
          <w:p w:rsidR="00505F61" w:rsidRPr="00085F16" w:rsidRDefault="00505F61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0.</w:t>
            </w:r>
          </w:p>
        </w:tc>
        <w:tc>
          <w:tcPr>
            <w:tcW w:w="8930" w:type="dxa"/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итоговой аттестации уч-ся 9</w:t>
            </w:r>
            <w:r w:rsidR="007F52DA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</w:t>
            </w:r>
            <w:r w:rsidR="00843CC2" w:rsidRPr="00085F16">
              <w:rPr>
                <w:rFonts w:ascii="Times New Roman" w:hAnsi="Times New Roman" w:cs="Times New Roman"/>
                <w:sz w:val="24"/>
                <w:szCs w:val="24"/>
              </w:rPr>
              <w:t>асс</w:t>
            </w:r>
            <w:r w:rsidR="007F52DA" w:rsidRPr="00085F16">
              <w:rPr>
                <w:rFonts w:ascii="Times New Roman" w:hAnsi="Times New Roman" w:cs="Times New Roman"/>
                <w:sz w:val="24"/>
                <w:szCs w:val="24"/>
              </w:rPr>
              <w:t>ов</w:t>
            </w:r>
            <w:r w:rsidR="00843CC2"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3686" w:type="dxa"/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2039" w:type="dxa"/>
            <w:tcBorders>
              <w:bottom w:val="nil"/>
            </w:tcBorders>
          </w:tcPr>
          <w:p w:rsidR="00505F61" w:rsidRPr="00085F16" w:rsidRDefault="00505F61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юнь</w:t>
            </w:r>
          </w:p>
        </w:tc>
      </w:tr>
      <w:tr w:rsidR="00505F61" w:rsidRPr="00085F16" w:rsidTr="00505F61">
        <w:tc>
          <w:tcPr>
            <w:tcW w:w="959" w:type="dxa"/>
            <w:tcBorders>
              <w:top w:val="nil"/>
              <w:bottom w:val="nil"/>
            </w:tcBorders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полнение планов и решений за прошедший месяц.</w:t>
            </w:r>
          </w:p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ерспективное планирование на </w:t>
            </w:r>
            <w:r w:rsidR="00412C71" w:rsidRPr="00085F16">
              <w:rPr>
                <w:rFonts w:ascii="Times New Roman" w:hAnsi="Times New Roman" w:cs="Times New Roman"/>
                <w:sz w:val="24"/>
                <w:szCs w:val="24"/>
              </w:rPr>
              <w:t>2023-2024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 администрацией школы.</w:t>
            </w:r>
          </w:p>
        </w:tc>
        <w:tc>
          <w:tcPr>
            <w:tcW w:w="3686" w:type="dxa"/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2039" w:type="dxa"/>
            <w:tcBorders>
              <w:top w:val="nil"/>
              <w:bottom w:val="nil"/>
            </w:tcBorders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05F61" w:rsidRPr="00085F16" w:rsidTr="00505F61">
        <w:tc>
          <w:tcPr>
            <w:tcW w:w="959" w:type="dxa"/>
            <w:tcBorders>
              <w:top w:val="nil"/>
            </w:tcBorders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930" w:type="dxa"/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тоги государственной итоговой аттестации.</w:t>
            </w:r>
          </w:p>
        </w:tc>
        <w:tc>
          <w:tcPr>
            <w:tcW w:w="3686" w:type="dxa"/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2039" w:type="dxa"/>
            <w:tcBorders>
              <w:top w:val="nil"/>
            </w:tcBorders>
          </w:tcPr>
          <w:p w:rsidR="00505F61" w:rsidRPr="00085F16" w:rsidRDefault="00505F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5374B6" w:rsidRPr="00085F16" w:rsidRDefault="00505F61" w:rsidP="00085F16">
      <w:pPr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085F16">
        <w:rPr>
          <w:rFonts w:ascii="Times New Roman" w:hAnsi="Times New Roman" w:cs="Times New Roman"/>
          <w:b/>
          <w:sz w:val="24"/>
          <w:szCs w:val="24"/>
          <w:u w:val="single"/>
        </w:rPr>
        <w:t xml:space="preserve"> </w:t>
      </w:r>
    </w:p>
    <w:p w:rsidR="005374B6" w:rsidRDefault="005374B6" w:rsidP="007364F2">
      <w:pPr>
        <w:pStyle w:val="1"/>
        <w:rPr>
          <w:lang w:val="ru-RU"/>
        </w:rPr>
      </w:pPr>
      <w:bookmarkStart w:id="9" w:name="_Toc120516847"/>
    </w:p>
    <w:p w:rsidR="00972921" w:rsidRDefault="00972921" w:rsidP="00972921"/>
    <w:p w:rsidR="00972921" w:rsidRDefault="00972921" w:rsidP="00972921"/>
    <w:p w:rsidR="00972921" w:rsidRPr="00972921" w:rsidRDefault="00972921" w:rsidP="00972921"/>
    <w:p w:rsidR="00505F61" w:rsidRPr="00085F16" w:rsidRDefault="00505F61" w:rsidP="007364F2">
      <w:pPr>
        <w:pStyle w:val="1"/>
      </w:pPr>
      <w:r w:rsidRPr="00085F16">
        <w:lastRenderedPageBreak/>
        <w:t>III. Методическая работа школы</w:t>
      </w:r>
      <w:bookmarkEnd w:id="9"/>
    </w:p>
    <w:p w:rsidR="00505F61" w:rsidRPr="00085F16" w:rsidRDefault="00505F61" w:rsidP="00085F16">
      <w:pPr>
        <w:rPr>
          <w:rFonts w:ascii="Times New Roman" w:hAnsi="Times New Roman" w:cs="Times New Roman"/>
          <w:b/>
          <w:color w:val="FF0000"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>Методическая тема:</w:t>
      </w:r>
      <w:r w:rsidR="00843CC2" w:rsidRPr="00085F16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085F16">
        <w:rPr>
          <w:rFonts w:ascii="Times New Roman" w:hAnsi="Times New Roman" w:cs="Times New Roman"/>
          <w:b/>
          <w:sz w:val="24"/>
          <w:szCs w:val="24"/>
        </w:rPr>
        <w:t>«</w:t>
      </w:r>
      <w:r w:rsidR="00412C71" w:rsidRPr="00085F16">
        <w:rPr>
          <w:rFonts w:ascii="Times New Roman" w:hAnsi="Times New Roman" w:cs="Times New Roman"/>
          <w:sz w:val="24"/>
          <w:szCs w:val="24"/>
          <w:u w:val="single"/>
        </w:rPr>
        <w:t>Создание условий для обеспечения позитивной динамики школы как открытой системы обладающей конкурентоспособностью, способствующей развитию образовательной среды на основе ФГОС и обновленных ФГОС НОО и ООО».</w:t>
      </w:r>
    </w:p>
    <w:p w:rsidR="003D0472" w:rsidRPr="00085F16" w:rsidRDefault="003D0472" w:rsidP="007364F2">
      <w:pPr>
        <w:pStyle w:val="2"/>
      </w:pPr>
      <w:bookmarkStart w:id="10" w:name="_Toc120516848"/>
      <w:r w:rsidRPr="00085F16">
        <w:t>Ключевые направления школы:</w:t>
      </w:r>
      <w:bookmarkEnd w:id="10"/>
    </w:p>
    <w:p w:rsidR="003D0472" w:rsidRPr="00085F16" w:rsidRDefault="003D0472" w:rsidP="007C65A1">
      <w:pPr>
        <w:pStyle w:val="a8"/>
        <w:numPr>
          <w:ilvl w:val="0"/>
          <w:numId w:val="18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Обновление содержания образования</w:t>
      </w:r>
    </w:p>
    <w:p w:rsidR="003D0472" w:rsidRPr="00085F16" w:rsidRDefault="003D0472" w:rsidP="007C65A1">
      <w:pPr>
        <w:pStyle w:val="a8"/>
        <w:numPr>
          <w:ilvl w:val="0"/>
          <w:numId w:val="18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Формирование системы выявления и поддержки талантливых детей, сопровождение их в те</w:t>
      </w:r>
      <w:r w:rsidR="00111046" w:rsidRPr="00085F16">
        <w:rPr>
          <w:rFonts w:ascii="Times New Roman" w:hAnsi="Times New Roman" w:cs="Times New Roman"/>
          <w:sz w:val="24"/>
          <w:szCs w:val="24"/>
        </w:rPr>
        <w:t>ч</w:t>
      </w:r>
      <w:r w:rsidRPr="00085F16">
        <w:rPr>
          <w:rFonts w:ascii="Times New Roman" w:hAnsi="Times New Roman" w:cs="Times New Roman"/>
          <w:sz w:val="24"/>
          <w:szCs w:val="24"/>
        </w:rPr>
        <w:t>ение всего периода становления личности</w:t>
      </w:r>
    </w:p>
    <w:p w:rsidR="00111046" w:rsidRPr="00085F16" w:rsidRDefault="00111046" w:rsidP="007C65A1">
      <w:pPr>
        <w:pStyle w:val="a8"/>
        <w:numPr>
          <w:ilvl w:val="0"/>
          <w:numId w:val="18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Развитие учительского потенциала</w:t>
      </w:r>
    </w:p>
    <w:p w:rsidR="00111046" w:rsidRPr="00085F16" w:rsidRDefault="00111046" w:rsidP="007C65A1">
      <w:pPr>
        <w:pStyle w:val="a8"/>
        <w:numPr>
          <w:ilvl w:val="0"/>
          <w:numId w:val="18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Формирование современной школьной инфраструктуры</w:t>
      </w:r>
    </w:p>
    <w:p w:rsidR="00111046" w:rsidRPr="00085F16" w:rsidRDefault="00111046" w:rsidP="007C65A1">
      <w:pPr>
        <w:pStyle w:val="a8"/>
        <w:numPr>
          <w:ilvl w:val="0"/>
          <w:numId w:val="18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Забота о здоровье школьников</w:t>
      </w:r>
    </w:p>
    <w:p w:rsidR="00843CC2" w:rsidRPr="00085F16" w:rsidRDefault="00505F61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</w:t>
      </w:r>
      <w:r w:rsidRPr="00085F16">
        <w:rPr>
          <w:rFonts w:ascii="Times New Roman" w:hAnsi="Times New Roman" w:cs="Times New Roman"/>
          <w:b/>
          <w:sz w:val="24"/>
          <w:szCs w:val="24"/>
        </w:rPr>
        <w:t xml:space="preserve">Цель:  </w:t>
      </w:r>
      <w:r w:rsidR="00111046" w:rsidRPr="00085F16">
        <w:rPr>
          <w:rFonts w:ascii="Times New Roman" w:hAnsi="Times New Roman" w:cs="Times New Roman"/>
          <w:sz w:val="24"/>
          <w:szCs w:val="24"/>
        </w:rPr>
        <w:t>методическое сопровождение системного развития профессиональной компетентности педагогических кадров, обеспечивающих достижение нового качества образования</w:t>
      </w:r>
      <w:r w:rsidR="00A137D0" w:rsidRPr="00085F16">
        <w:rPr>
          <w:rFonts w:ascii="Times New Roman" w:hAnsi="Times New Roman" w:cs="Times New Roman"/>
          <w:sz w:val="24"/>
          <w:szCs w:val="24"/>
        </w:rPr>
        <w:t>.</w:t>
      </w:r>
    </w:p>
    <w:p w:rsidR="00B01510" w:rsidRPr="00085F16" w:rsidRDefault="00B01510" w:rsidP="00085F16">
      <w:p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 xml:space="preserve">Задачи: </w:t>
      </w:r>
    </w:p>
    <w:p w:rsidR="00B01510" w:rsidRPr="00085F16" w:rsidRDefault="00B0151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1. </w:t>
      </w:r>
      <w:r w:rsidRPr="00085F16">
        <w:rPr>
          <w:rFonts w:ascii="Times New Roman" w:hAnsi="Times New Roman" w:cs="Times New Roman"/>
          <w:sz w:val="24"/>
          <w:szCs w:val="24"/>
          <w:u w:val="single"/>
        </w:rPr>
        <w:t>Обновление системы образования, совершенствование образовательного процесса на основе внедрения в практику работы продуктивных педагогических технологий, ориентированных на развитие личности ребенка и совершенствование педагогического мастерства учителя</w:t>
      </w:r>
      <w:r w:rsidRPr="00085F16">
        <w:rPr>
          <w:rFonts w:ascii="Times New Roman" w:hAnsi="Times New Roman" w:cs="Times New Roman"/>
          <w:sz w:val="24"/>
          <w:szCs w:val="24"/>
        </w:rPr>
        <w:t>:</w:t>
      </w:r>
    </w:p>
    <w:p w:rsidR="00B01510" w:rsidRPr="00085F16" w:rsidRDefault="00B0151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 - реализация образовательной программы начального и основного общего образования;</w:t>
      </w:r>
    </w:p>
    <w:p w:rsidR="00B01510" w:rsidRPr="00085F16" w:rsidRDefault="00B0151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 - </w:t>
      </w:r>
      <w:r w:rsidR="007C017F" w:rsidRPr="00085F16">
        <w:rPr>
          <w:rFonts w:ascii="Times New Roman" w:hAnsi="Times New Roman" w:cs="Times New Roman"/>
          <w:sz w:val="24"/>
          <w:szCs w:val="24"/>
        </w:rPr>
        <w:t>внедрение на уровнях начального и основного общего образования новых методов обучения и воспитания, образовательных технологий, обеспечивающих освоение обучающимися базовых навыков и умений, повышение их мотивации к обучению и вовлечённости в образовательный процесс</w:t>
      </w:r>
      <w:r w:rsidRPr="00085F16">
        <w:rPr>
          <w:rFonts w:ascii="Times New Roman" w:hAnsi="Times New Roman" w:cs="Times New Roman"/>
          <w:sz w:val="24"/>
          <w:szCs w:val="24"/>
        </w:rPr>
        <w:t>;</w:t>
      </w:r>
    </w:p>
    <w:p w:rsidR="00B01510" w:rsidRPr="00085F16" w:rsidRDefault="00B0151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 - оптимизация урока за счет использования новых педагогических технологий (ИКТ, проблемного обучения, метода проектов и др.) в образовательном процессе;</w:t>
      </w:r>
    </w:p>
    <w:p w:rsidR="00B01510" w:rsidRPr="00085F16" w:rsidRDefault="00B0151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 - освоение новых подходов к оценке образовательных достижений </w:t>
      </w:r>
      <w:r w:rsidR="00A7170B" w:rsidRPr="00085F16">
        <w:rPr>
          <w:rFonts w:ascii="Times New Roman" w:hAnsi="Times New Roman" w:cs="Times New Roman"/>
          <w:sz w:val="24"/>
          <w:szCs w:val="24"/>
        </w:rPr>
        <w:t>обучающихся</w:t>
      </w:r>
      <w:r w:rsidRPr="00085F16">
        <w:rPr>
          <w:rFonts w:ascii="Times New Roman" w:hAnsi="Times New Roman" w:cs="Times New Roman"/>
          <w:sz w:val="24"/>
          <w:szCs w:val="24"/>
        </w:rPr>
        <w:t>;</w:t>
      </w:r>
    </w:p>
    <w:p w:rsidR="00B01510" w:rsidRPr="00085F16" w:rsidRDefault="00B0151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 - совершенствование технологий и методик работы с творческими и одаренными детьми, системная подготовка к предметным олимпиадам;</w:t>
      </w:r>
    </w:p>
    <w:p w:rsidR="00B01510" w:rsidRPr="00085F16" w:rsidRDefault="00B0151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 - активизация работы по организации проектно- исследовательской деятельности обучающихся и педагогов;</w:t>
      </w:r>
    </w:p>
    <w:p w:rsidR="00B01510" w:rsidRPr="00085F16" w:rsidRDefault="00B0151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 - совершенствование подготовки к государственной (итоговой) аттестации выпускников </w:t>
      </w:r>
      <w:r w:rsidR="007F52DA" w:rsidRPr="00085F16">
        <w:rPr>
          <w:rFonts w:ascii="Times New Roman" w:hAnsi="Times New Roman" w:cs="Times New Roman"/>
          <w:sz w:val="24"/>
          <w:szCs w:val="24"/>
        </w:rPr>
        <w:t>школы</w:t>
      </w:r>
      <w:r w:rsidRPr="00085F16">
        <w:rPr>
          <w:rFonts w:ascii="Times New Roman" w:hAnsi="Times New Roman" w:cs="Times New Roman"/>
          <w:sz w:val="24"/>
          <w:szCs w:val="24"/>
        </w:rPr>
        <w:t>.</w:t>
      </w:r>
    </w:p>
    <w:p w:rsidR="00DC0870" w:rsidRPr="00085F16" w:rsidRDefault="00DC087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2. </w:t>
      </w:r>
      <w:r w:rsidRPr="00085F16">
        <w:rPr>
          <w:rFonts w:ascii="Times New Roman" w:hAnsi="Times New Roman" w:cs="Times New Roman"/>
          <w:sz w:val="24"/>
          <w:szCs w:val="24"/>
          <w:u w:val="single"/>
        </w:rPr>
        <w:t>Изучение и распространение положительного педагогического опыта творчески работающих учителей</w:t>
      </w:r>
      <w:r w:rsidRPr="00085F16">
        <w:rPr>
          <w:rFonts w:ascii="Times New Roman" w:hAnsi="Times New Roman" w:cs="Times New Roman"/>
          <w:sz w:val="24"/>
          <w:szCs w:val="24"/>
        </w:rPr>
        <w:t>:</w:t>
      </w:r>
    </w:p>
    <w:p w:rsidR="00DC0870" w:rsidRPr="00085F16" w:rsidRDefault="00DC087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 повышение уровня профессиональной подготовки учителей;</w:t>
      </w:r>
    </w:p>
    <w:p w:rsidR="00DC0870" w:rsidRPr="00085F16" w:rsidRDefault="00DC087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 совершенствование информационной компетентности педагогов.</w:t>
      </w:r>
    </w:p>
    <w:p w:rsidR="00DC0870" w:rsidRPr="00085F16" w:rsidRDefault="00DC087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3. </w:t>
      </w:r>
      <w:r w:rsidRPr="00085F16">
        <w:rPr>
          <w:rFonts w:ascii="Times New Roman" w:hAnsi="Times New Roman" w:cs="Times New Roman"/>
          <w:sz w:val="24"/>
          <w:szCs w:val="24"/>
          <w:u w:val="single"/>
        </w:rPr>
        <w:t>Информационно-методическое обеспечение образовательного процесса и системы повышения квалификации педагогического коллектива</w:t>
      </w:r>
      <w:r w:rsidRPr="00085F16">
        <w:rPr>
          <w:rFonts w:ascii="Times New Roman" w:hAnsi="Times New Roman" w:cs="Times New Roman"/>
          <w:sz w:val="24"/>
          <w:szCs w:val="24"/>
        </w:rPr>
        <w:t>:</w:t>
      </w:r>
    </w:p>
    <w:p w:rsidR="007C017F" w:rsidRPr="00085F16" w:rsidRDefault="007C017F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 создание современной и безопасной цифровой образовательной среды, обеспечивающей высокое качество и доступность образования всех видов и уровней;</w:t>
      </w:r>
    </w:p>
    <w:p w:rsidR="00DC0870" w:rsidRPr="00085F16" w:rsidRDefault="00DC087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- приведение методического обеспечения учебных предметов, учебных планов и программ в соответствие с требованиями новых ФГОС;</w:t>
      </w:r>
    </w:p>
    <w:p w:rsidR="00DC0870" w:rsidRDefault="00DC0870" w:rsidP="00085F16">
      <w:pPr>
        <w:spacing w:after="0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 информационное сопровождение учителя в условиях перехода на ФГОС второго поколения.</w:t>
      </w:r>
    </w:p>
    <w:p w:rsidR="005374B6" w:rsidRDefault="005374B6" w:rsidP="00085F16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5374B6" w:rsidRDefault="005374B6" w:rsidP="00085F16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5374B6" w:rsidRDefault="005374B6" w:rsidP="00085F16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5374B6" w:rsidRPr="00085F16" w:rsidRDefault="005374B6" w:rsidP="00085F16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9F340E" w:rsidRPr="00085F16" w:rsidRDefault="009F340E" w:rsidP="00085F16">
      <w:pPr>
        <w:spacing w:after="0"/>
        <w:rPr>
          <w:rFonts w:ascii="Times New Roman" w:hAnsi="Times New Roman" w:cs="Times New Roman"/>
          <w:sz w:val="24"/>
          <w:szCs w:val="24"/>
        </w:rPr>
      </w:pPr>
    </w:p>
    <w:tbl>
      <w:tblPr>
        <w:tblStyle w:val="a3"/>
        <w:tblW w:w="0" w:type="auto"/>
        <w:tblLook w:val="04A0"/>
      </w:tblPr>
      <w:tblGrid>
        <w:gridCol w:w="610"/>
        <w:gridCol w:w="4333"/>
        <w:gridCol w:w="1521"/>
        <w:gridCol w:w="2071"/>
        <w:gridCol w:w="2540"/>
      </w:tblGrid>
      <w:tr w:rsidR="00DC0870" w:rsidRPr="00085F16" w:rsidTr="00DC0870">
        <w:tc>
          <w:tcPr>
            <w:tcW w:w="675" w:type="dxa"/>
          </w:tcPr>
          <w:p w:rsidR="00DC0870" w:rsidRPr="00085F16" w:rsidRDefault="00DC0870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 п/п</w:t>
            </w:r>
          </w:p>
        </w:tc>
        <w:tc>
          <w:tcPr>
            <w:tcW w:w="7230" w:type="dxa"/>
          </w:tcPr>
          <w:p w:rsidR="00DC0870" w:rsidRPr="00085F16" w:rsidRDefault="00DC0870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одержание работы</w:t>
            </w:r>
          </w:p>
        </w:tc>
        <w:tc>
          <w:tcPr>
            <w:tcW w:w="1984" w:type="dxa"/>
          </w:tcPr>
          <w:p w:rsidR="00DC0870" w:rsidRPr="00085F16" w:rsidRDefault="00DC0870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</w:t>
            </w:r>
          </w:p>
        </w:tc>
        <w:tc>
          <w:tcPr>
            <w:tcW w:w="2602" w:type="dxa"/>
          </w:tcPr>
          <w:p w:rsidR="00DC0870" w:rsidRPr="00085F16" w:rsidRDefault="00DC0870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Исполнители</w:t>
            </w:r>
          </w:p>
        </w:tc>
        <w:tc>
          <w:tcPr>
            <w:tcW w:w="3123" w:type="dxa"/>
          </w:tcPr>
          <w:p w:rsidR="00DC0870" w:rsidRPr="00085F16" w:rsidRDefault="00DC0870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рогнозируемый результат</w:t>
            </w:r>
          </w:p>
        </w:tc>
      </w:tr>
      <w:tr w:rsidR="00DC0870" w:rsidRPr="00085F16" w:rsidTr="00DC0870">
        <w:tc>
          <w:tcPr>
            <w:tcW w:w="675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7230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етодическое совещание «Задачи методической работы в </w:t>
            </w:r>
            <w:r w:rsidR="00412C7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2022-2023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бном году»</w:t>
            </w:r>
          </w:p>
        </w:tc>
        <w:tc>
          <w:tcPr>
            <w:tcW w:w="1984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вгуст </w:t>
            </w:r>
          </w:p>
        </w:tc>
        <w:tc>
          <w:tcPr>
            <w:tcW w:w="2602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  <w:tc>
          <w:tcPr>
            <w:tcW w:w="3123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истемное решение методической работы </w:t>
            </w:r>
          </w:p>
        </w:tc>
      </w:tr>
      <w:tr w:rsidR="00DC0870" w:rsidRPr="00085F16" w:rsidTr="00DC0870">
        <w:tc>
          <w:tcPr>
            <w:tcW w:w="675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7230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ормирование банка данных о методической работе учителей (тема самообразования) и их профессиональных качествах</w:t>
            </w:r>
          </w:p>
        </w:tc>
        <w:tc>
          <w:tcPr>
            <w:tcW w:w="1984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2602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  <w:tc>
          <w:tcPr>
            <w:tcW w:w="3123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Банк данных</w:t>
            </w:r>
          </w:p>
        </w:tc>
      </w:tr>
      <w:tr w:rsidR="00DC0870" w:rsidRPr="00085F16" w:rsidTr="00DC0870">
        <w:tc>
          <w:tcPr>
            <w:tcW w:w="675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7230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ссмотрение календарно-тематических планов по предметам</w:t>
            </w:r>
          </w:p>
        </w:tc>
        <w:tc>
          <w:tcPr>
            <w:tcW w:w="1984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2602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</w:p>
          <w:p w:rsidR="00FC00A2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  <w:tc>
          <w:tcPr>
            <w:tcW w:w="3123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правка </w:t>
            </w:r>
          </w:p>
        </w:tc>
      </w:tr>
      <w:tr w:rsidR="00DC0870" w:rsidRPr="00085F16" w:rsidTr="00DC0870">
        <w:tc>
          <w:tcPr>
            <w:tcW w:w="675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7230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графика открытых уроков, открытых внеклассных мероприятий по предмету, планов по самообразованию</w:t>
            </w:r>
          </w:p>
        </w:tc>
        <w:tc>
          <w:tcPr>
            <w:tcW w:w="1984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2602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  <w:tc>
          <w:tcPr>
            <w:tcW w:w="3123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График </w:t>
            </w:r>
          </w:p>
        </w:tc>
      </w:tr>
      <w:tr w:rsidR="00DC0870" w:rsidRPr="00085F16" w:rsidTr="00DC0870">
        <w:tc>
          <w:tcPr>
            <w:tcW w:w="675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7230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работы по повышению квалификации учителями МО</w:t>
            </w:r>
          </w:p>
        </w:tc>
        <w:tc>
          <w:tcPr>
            <w:tcW w:w="1984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 течение года </w:t>
            </w:r>
          </w:p>
        </w:tc>
        <w:tc>
          <w:tcPr>
            <w:tcW w:w="2602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Руководитель МО </w:t>
            </w:r>
          </w:p>
        </w:tc>
        <w:tc>
          <w:tcPr>
            <w:tcW w:w="3123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тчет </w:t>
            </w:r>
          </w:p>
        </w:tc>
      </w:tr>
      <w:tr w:rsidR="00DC0870" w:rsidRPr="00085F16" w:rsidTr="00DC0870">
        <w:tc>
          <w:tcPr>
            <w:tcW w:w="675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7230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огласование плана проведения предметной недели </w:t>
            </w:r>
          </w:p>
        </w:tc>
        <w:tc>
          <w:tcPr>
            <w:tcW w:w="1984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</w:t>
            </w:r>
          </w:p>
        </w:tc>
        <w:tc>
          <w:tcPr>
            <w:tcW w:w="2602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  <w:tc>
          <w:tcPr>
            <w:tcW w:w="3123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лан </w:t>
            </w:r>
          </w:p>
        </w:tc>
      </w:tr>
      <w:tr w:rsidR="00DC0870" w:rsidRPr="00085F16" w:rsidTr="00DC0870">
        <w:tc>
          <w:tcPr>
            <w:tcW w:w="675" w:type="dxa"/>
          </w:tcPr>
          <w:p w:rsidR="00DC0870" w:rsidRPr="00085F16" w:rsidRDefault="00DC087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7230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заседаний МО </w:t>
            </w:r>
          </w:p>
        </w:tc>
        <w:tc>
          <w:tcPr>
            <w:tcW w:w="1984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 плану </w:t>
            </w:r>
          </w:p>
        </w:tc>
        <w:tc>
          <w:tcPr>
            <w:tcW w:w="2602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  <w:tc>
          <w:tcPr>
            <w:tcW w:w="3123" w:type="dxa"/>
          </w:tcPr>
          <w:p w:rsidR="00DC0870" w:rsidRPr="00085F16" w:rsidRDefault="00FC00A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токол </w:t>
            </w:r>
          </w:p>
        </w:tc>
      </w:tr>
    </w:tbl>
    <w:p w:rsidR="009F340E" w:rsidRPr="00085F16" w:rsidRDefault="009F340E" w:rsidP="00085F16">
      <w:pPr>
        <w:rPr>
          <w:rFonts w:ascii="Times New Roman" w:hAnsi="Times New Roman" w:cs="Times New Roman"/>
          <w:b/>
          <w:sz w:val="24"/>
          <w:szCs w:val="24"/>
        </w:rPr>
      </w:pPr>
    </w:p>
    <w:p w:rsidR="007F52DA" w:rsidRPr="00085F16" w:rsidRDefault="007F52DA" w:rsidP="00085F16">
      <w:pPr>
        <w:rPr>
          <w:rFonts w:ascii="Times New Roman" w:hAnsi="Times New Roman" w:cs="Times New Roman"/>
          <w:b/>
          <w:sz w:val="24"/>
          <w:szCs w:val="24"/>
        </w:rPr>
      </w:pPr>
    </w:p>
    <w:p w:rsidR="007F52DA" w:rsidRDefault="007F52DA" w:rsidP="007364F2">
      <w:pPr>
        <w:pStyle w:val="2"/>
        <w:rPr>
          <w:lang w:val="ru-RU"/>
        </w:rPr>
      </w:pPr>
    </w:p>
    <w:p w:rsidR="005374B6" w:rsidRDefault="005374B6" w:rsidP="005374B6"/>
    <w:p w:rsidR="005374B6" w:rsidRDefault="005374B6" w:rsidP="005374B6"/>
    <w:p w:rsidR="005374B6" w:rsidRDefault="005374B6" w:rsidP="005374B6"/>
    <w:p w:rsidR="00972921" w:rsidRDefault="00972921" w:rsidP="005374B6"/>
    <w:p w:rsidR="00972921" w:rsidRDefault="00972921" w:rsidP="005374B6"/>
    <w:p w:rsidR="00972921" w:rsidRDefault="00972921" w:rsidP="005374B6"/>
    <w:p w:rsidR="00972921" w:rsidRDefault="00972921" w:rsidP="005374B6"/>
    <w:p w:rsidR="00972921" w:rsidRDefault="00972921" w:rsidP="005374B6"/>
    <w:p w:rsidR="00972921" w:rsidRDefault="00972921" w:rsidP="005374B6"/>
    <w:p w:rsidR="00972921" w:rsidRPr="005374B6" w:rsidRDefault="00972921" w:rsidP="005374B6"/>
    <w:p w:rsidR="00B01510" w:rsidRPr="007364F2" w:rsidRDefault="00835959" w:rsidP="007364F2">
      <w:pPr>
        <w:pStyle w:val="2"/>
      </w:pPr>
      <w:bookmarkStart w:id="11" w:name="_Toc120516849"/>
      <w:r w:rsidRPr="007364F2">
        <w:lastRenderedPageBreak/>
        <w:t>Методический совет школы.</w:t>
      </w:r>
      <w:bookmarkEnd w:id="11"/>
    </w:p>
    <w:tbl>
      <w:tblPr>
        <w:tblStyle w:val="a3"/>
        <w:tblW w:w="0" w:type="auto"/>
        <w:tblLook w:val="04A0"/>
      </w:tblPr>
      <w:tblGrid>
        <w:gridCol w:w="681"/>
        <w:gridCol w:w="5908"/>
        <w:gridCol w:w="1984"/>
        <w:gridCol w:w="2502"/>
      </w:tblGrid>
      <w:tr w:rsidR="00835959" w:rsidRPr="00085F16" w:rsidTr="00412C71">
        <w:tc>
          <w:tcPr>
            <w:tcW w:w="817" w:type="dxa"/>
            <w:shd w:val="clear" w:color="auto" w:fill="auto"/>
          </w:tcPr>
          <w:p w:rsidR="00835959" w:rsidRPr="00085F16" w:rsidRDefault="00835959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 п/п</w:t>
            </w:r>
          </w:p>
        </w:tc>
        <w:tc>
          <w:tcPr>
            <w:tcW w:w="9072" w:type="dxa"/>
            <w:tcBorders>
              <w:bottom w:val="single" w:sz="4" w:space="0" w:color="auto"/>
            </w:tcBorders>
            <w:shd w:val="clear" w:color="auto" w:fill="auto"/>
          </w:tcPr>
          <w:p w:rsidR="00835959" w:rsidRPr="00085F16" w:rsidRDefault="00835959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Тематика заседаний МС школы</w:t>
            </w:r>
          </w:p>
        </w:tc>
        <w:tc>
          <w:tcPr>
            <w:tcW w:w="2552" w:type="dxa"/>
            <w:tcBorders>
              <w:bottom w:val="single" w:sz="4" w:space="0" w:color="auto"/>
            </w:tcBorders>
            <w:shd w:val="clear" w:color="auto" w:fill="auto"/>
          </w:tcPr>
          <w:p w:rsidR="00835959" w:rsidRPr="00085F16" w:rsidRDefault="00835959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Время проведения</w:t>
            </w:r>
          </w:p>
        </w:tc>
        <w:tc>
          <w:tcPr>
            <w:tcW w:w="3173" w:type="dxa"/>
            <w:shd w:val="clear" w:color="auto" w:fill="auto"/>
          </w:tcPr>
          <w:p w:rsidR="00835959" w:rsidRPr="00085F16" w:rsidRDefault="00835959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Ответственные </w:t>
            </w:r>
          </w:p>
        </w:tc>
      </w:tr>
      <w:tr w:rsidR="00835959" w:rsidRPr="00085F16" w:rsidTr="00412C71">
        <w:tc>
          <w:tcPr>
            <w:tcW w:w="817" w:type="dxa"/>
            <w:shd w:val="clear" w:color="auto" w:fill="auto"/>
          </w:tcPr>
          <w:p w:rsidR="00835959" w:rsidRPr="00085F16" w:rsidRDefault="0083595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072" w:type="dxa"/>
            <w:shd w:val="clear" w:color="auto" w:fill="FFFFFF" w:themeFill="background1"/>
          </w:tcPr>
          <w:p w:rsidR="00ED1BBA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</w:t>
            </w:r>
            <w:r w:rsidR="00412C71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«Приоритетные задачи методической работы в новом учебном году и отражение их в планах методической работы МС в свете перехода к внедрению ФГОС третьего поколения».</w:t>
            </w:r>
          </w:p>
          <w:p w:rsidR="00412C71" w:rsidRPr="00085F16" w:rsidRDefault="00412C7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  <w:u w:val="single"/>
              </w:rPr>
              <w:t>Рабочие вопросы:</w:t>
            </w:r>
          </w:p>
          <w:p w:rsidR="00412C71" w:rsidRPr="00085F16" w:rsidRDefault="00412C7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Утверждение плана работы школы на 2022-2023 учебный год.</w:t>
            </w:r>
          </w:p>
          <w:p w:rsidR="00412C71" w:rsidRPr="00085F16" w:rsidRDefault="00412C7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 Утверждение рабочих программ.</w:t>
            </w:r>
          </w:p>
          <w:p w:rsidR="00412C71" w:rsidRPr="00085F16" w:rsidRDefault="00412C7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 Процедура аттестации в 2022-2023 годах.</w:t>
            </w:r>
          </w:p>
          <w:p w:rsidR="00412C71" w:rsidRPr="00085F16" w:rsidRDefault="00412C7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 планирование системы открытых уроков в рамках ШМО.</w:t>
            </w:r>
          </w:p>
        </w:tc>
        <w:tc>
          <w:tcPr>
            <w:tcW w:w="2552" w:type="dxa"/>
            <w:shd w:val="clear" w:color="auto" w:fill="FFFFFF" w:themeFill="background1"/>
          </w:tcPr>
          <w:p w:rsidR="00835959" w:rsidRPr="00085F16" w:rsidRDefault="008E0CE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вгуст </w:t>
            </w:r>
          </w:p>
        </w:tc>
        <w:tc>
          <w:tcPr>
            <w:tcW w:w="3173" w:type="dxa"/>
            <w:shd w:val="clear" w:color="auto" w:fill="auto"/>
          </w:tcPr>
          <w:p w:rsidR="00835959" w:rsidRPr="00085F16" w:rsidRDefault="0083595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</w:t>
            </w:r>
          </w:p>
          <w:p w:rsidR="00835959" w:rsidRPr="00085F16" w:rsidRDefault="0083595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</w:p>
          <w:p w:rsidR="00835959" w:rsidRPr="00085F16" w:rsidRDefault="0083595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</w:tr>
      <w:tr w:rsidR="008E0CEE" w:rsidRPr="00085F16" w:rsidTr="00412C71">
        <w:tc>
          <w:tcPr>
            <w:tcW w:w="817" w:type="dxa"/>
            <w:shd w:val="clear" w:color="auto" w:fill="auto"/>
          </w:tcPr>
          <w:p w:rsidR="008E0CEE" w:rsidRPr="00085F16" w:rsidRDefault="008E0CE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072" w:type="dxa"/>
            <w:shd w:val="clear" w:color="auto" w:fill="FFFFFF" w:themeFill="background1"/>
          </w:tcPr>
          <w:p w:rsidR="003D09D3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«О ходе реализации педагогическим коллективом ФГОС 2021».</w:t>
            </w:r>
          </w:p>
          <w:p w:rsidR="003D09D3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  <w:u w:val="single"/>
              </w:rPr>
              <w:t>Рабочие вопросы:</w:t>
            </w:r>
          </w:p>
          <w:p w:rsidR="008E0CEE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1. </w:t>
            </w:r>
            <w:r w:rsidR="008E0CEE"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и проведение школьного этапа ВОШ.</w:t>
            </w:r>
          </w:p>
          <w:p w:rsidR="008E0CEE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2. </w:t>
            </w:r>
            <w:r w:rsidR="008E0CEE"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наставничества.</w:t>
            </w:r>
          </w:p>
          <w:p w:rsidR="008E0CEE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 Единые формы оформления документации.</w:t>
            </w:r>
          </w:p>
        </w:tc>
        <w:tc>
          <w:tcPr>
            <w:tcW w:w="2552" w:type="dxa"/>
            <w:shd w:val="clear" w:color="auto" w:fill="FFFFFF" w:themeFill="background1"/>
          </w:tcPr>
          <w:p w:rsidR="008E0CEE" w:rsidRPr="00085F16" w:rsidRDefault="008E0CE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 - октябрь</w:t>
            </w:r>
          </w:p>
        </w:tc>
        <w:tc>
          <w:tcPr>
            <w:tcW w:w="3173" w:type="dxa"/>
            <w:shd w:val="clear" w:color="auto" w:fill="auto"/>
          </w:tcPr>
          <w:p w:rsidR="008E0CEE" w:rsidRPr="00085F16" w:rsidRDefault="008E0CE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</w:t>
            </w:r>
          </w:p>
          <w:p w:rsidR="008E0CEE" w:rsidRPr="00085F16" w:rsidRDefault="008E0CE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</w:p>
          <w:p w:rsidR="008E0CEE" w:rsidRPr="00085F16" w:rsidRDefault="008E0CE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</w:tr>
      <w:tr w:rsidR="00835959" w:rsidRPr="00085F16" w:rsidTr="00412C71">
        <w:tc>
          <w:tcPr>
            <w:tcW w:w="817" w:type="dxa"/>
            <w:shd w:val="clear" w:color="auto" w:fill="auto"/>
          </w:tcPr>
          <w:p w:rsidR="00835959" w:rsidRPr="00085F16" w:rsidRDefault="008E0CE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072" w:type="dxa"/>
            <w:shd w:val="clear" w:color="auto" w:fill="auto"/>
          </w:tcPr>
          <w:p w:rsidR="003D09D3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«Современный урок как условие выхода на новые образовательные результаты в ходе реализации ФГОС 2021».</w:t>
            </w:r>
          </w:p>
          <w:p w:rsidR="003D09D3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  <w:u w:val="single"/>
              </w:rPr>
              <w:t>Рабочие вопросы:</w:t>
            </w:r>
          </w:p>
          <w:p w:rsidR="00835959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1. </w:t>
            </w:r>
            <w:r w:rsidR="00ED1BBA" w:rsidRPr="00085F16">
              <w:rPr>
                <w:rFonts w:ascii="Times New Roman" w:hAnsi="Times New Roman" w:cs="Times New Roman"/>
                <w:sz w:val="24"/>
                <w:szCs w:val="24"/>
              </w:rPr>
              <w:t>Психолого-педагогическое сопровождение низкомотивированных  неуспевающих обучающихся по итогам 1 четверти</w:t>
            </w:r>
            <w:r w:rsidR="001D4DB1"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  <w:p w:rsidR="001D4DB1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2. </w:t>
            </w:r>
            <w:r w:rsidR="001D4DB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тчет о проведении школьного </w:t>
            </w:r>
            <w:r w:rsidR="008E0CEE" w:rsidRPr="00085F16">
              <w:rPr>
                <w:rFonts w:ascii="Times New Roman" w:hAnsi="Times New Roman" w:cs="Times New Roman"/>
                <w:sz w:val="24"/>
                <w:szCs w:val="24"/>
              </w:rPr>
              <w:t>и муниципального этапов</w:t>
            </w:r>
            <w:r w:rsidR="001D4DB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ВОШ.</w:t>
            </w:r>
          </w:p>
          <w:p w:rsidR="001D4DB1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3. </w:t>
            </w:r>
            <w:r w:rsidR="008E0CEE" w:rsidRPr="00085F16">
              <w:rPr>
                <w:rFonts w:ascii="Times New Roman" w:hAnsi="Times New Roman" w:cs="Times New Roman"/>
                <w:sz w:val="24"/>
                <w:szCs w:val="24"/>
              </w:rPr>
              <w:t>Участие педагогов в конкурсах профессионального мастерства.</w:t>
            </w:r>
          </w:p>
          <w:p w:rsidR="008E0CEE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4. </w:t>
            </w:r>
            <w:r w:rsidR="008E0CEE" w:rsidRPr="00085F16">
              <w:rPr>
                <w:rFonts w:ascii="Times New Roman" w:hAnsi="Times New Roman" w:cs="Times New Roman"/>
                <w:sz w:val="24"/>
                <w:szCs w:val="24"/>
              </w:rPr>
              <w:t>Промежуточный контроль (русский язык, математика, техника чтения).</w:t>
            </w:r>
          </w:p>
        </w:tc>
        <w:tc>
          <w:tcPr>
            <w:tcW w:w="2552" w:type="dxa"/>
            <w:shd w:val="clear" w:color="auto" w:fill="auto"/>
          </w:tcPr>
          <w:p w:rsidR="00835959" w:rsidRPr="00085F16" w:rsidRDefault="00E511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оябрь-декабрь</w:t>
            </w:r>
          </w:p>
        </w:tc>
        <w:tc>
          <w:tcPr>
            <w:tcW w:w="3173" w:type="dxa"/>
            <w:shd w:val="clear" w:color="auto" w:fill="auto"/>
          </w:tcPr>
          <w:p w:rsidR="00835959" w:rsidRPr="00085F16" w:rsidRDefault="00E511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</w:p>
          <w:p w:rsidR="00E511B1" w:rsidRPr="00085F16" w:rsidRDefault="00E511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едагог-психолог</w:t>
            </w:r>
          </w:p>
        </w:tc>
      </w:tr>
      <w:tr w:rsidR="00835959" w:rsidRPr="00085F16" w:rsidTr="00412C71">
        <w:tc>
          <w:tcPr>
            <w:tcW w:w="817" w:type="dxa"/>
            <w:shd w:val="clear" w:color="auto" w:fill="auto"/>
          </w:tcPr>
          <w:p w:rsidR="00835959" w:rsidRPr="00085F16" w:rsidRDefault="008E0CEE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9072" w:type="dxa"/>
            <w:shd w:val="clear" w:color="auto" w:fill="auto"/>
          </w:tcPr>
          <w:p w:rsidR="003D09D3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«Формирование компетенций обучающихся в области использования ИКТ технологий, научно-практической и проектной деятельности в ходе внедрения новых ФГОС».</w:t>
            </w:r>
          </w:p>
          <w:p w:rsidR="003D09D3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  <w:u w:val="single"/>
              </w:rPr>
              <w:t>Рабочие вопросы:</w:t>
            </w:r>
          </w:p>
          <w:p w:rsidR="00E14843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1. </w:t>
            </w:r>
            <w:r w:rsidR="00E14843" w:rsidRPr="00085F16">
              <w:rPr>
                <w:rFonts w:ascii="Times New Roman" w:hAnsi="Times New Roman" w:cs="Times New Roman"/>
                <w:sz w:val="24"/>
                <w:szCs w:val="24"/>
              </w:rPr>
              <w:t>Управление познавательной деятельностью учащихся на уроке как средство эффективной подготовки выпускников к государственной итоговой аттестации.</w:t>
            </w:r>
          </w:p>
          <w:p w:rsidR="00E511B1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2. </w:t>
            </w:r>
            <w:r w:rsidR="00E14843"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и проведение ВПР.</w:t>
            </w:r>
          </w:p>
          <w:p w:rsidR="00E511B1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3. </w:t>
            </w:r>
            <w:r w:rsidR="00360CF4" w:rsidRPr="00085F16">
              <w:rPr>
                <w:rFonts w:ascii="Times New Roman" w:hAnsi="Times New Roman" w:cs="Times New Roman"/>
                <w:sz w:val="24"/>
                <w:szCs w:val="24"/>
              </w:rPr>
              <w:t>Психолого-педагогическое сопровождение обучающихся при подготовке к ГИА.</w:t>
            </w:r>
          </w:p>
        </w:tc>
        <w:tc>
          <w:tcPr>
            <w:tcW w:w="2552" w:type="dxa"/>
            <w:shd w:val="clear" w:color="auto" w:fill="auto"/>
          </w:tcPr>
          <w:p w:rsidR="00835959" w:rsidRPr="00085F16" w:rsidRDefault="00E511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 февраль</w:t>
            </w:r>
          </w:p>
        </w:tc>
        <w:tc>
          <w:tcPr>
            <w:tcW w:w="3173" w:type="dxa"/>
            <w:shd w:val="clear" w:color="auto" w:fill="auto"/>
          </w:tcPr>
          <w:p w:rsidR="00835959" w:rsidRPr="00085F16" w:rsidRDefault="00E511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</w:p>
          <w:p w:rsidR="00E511B1" w:rsidRPr="00085F16" w:rsidRDefault="00E511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</w:tr>
      <w:tr w:rsidR="00835959" w:rsidRPr="00085F16" w:rsidTr="00412C71">
        <w:tc>
          <w:tcPr>
            <w:tcW w:w="817" w:type="dxa"/>
            <w:shd w:val="clear" w:color="auto" w:fill="auto"/>
          </w:tcPr>
          <w:p w:rsidR="00835959" w:rsidRPr="00085F16" w:rsidRDefault="005001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5</w:t>
            </w:r>
          </w:p>
        </w:tc>
        <w:tc>
          <w:tcPr>
            <w:tcW w:w="9072" w:type="dxa"/>
            <w:shd w:val="clear" w:color="auto" w:fill="auto"/>
          </w:tcPr>
          <w:p w:rsidR="0050014A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«</w:t>
            </w:r>
            <w:r w:rsidR="0050014A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овершенствование системы работы с одаренными и высокомотивированными учащимися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»</w:t>
            </w:r>
            <w:r w:rsidR="0050014A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.</w:t>
            </w:r>
          </w:p>
          <w:p w:rsidR="003D09D3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  <w:u w:val="single"/>
              </w:rPr>
              <w:t>Рабочие вопросы:</w:t>
            </w:r>
          </w:p>
          <w:p w:rsidR="00E511B1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Эффективные способы организации олимпиадной подготовки учащихся.</w:t>
            </w:r>
          </w:p>
          <w:p w:rsidR="0050014A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 Т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ворческий отчёт МС о результатах инновационной деятельности.</w:t>
            </w:r>
          </w:p>
          <w:p w:rsidR="0050014A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3. 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Подведение итогов по темам самообразования.</w:t>
            </w:r>
          </w:p>
        </w:tc>
        <w:tc>
          <w:tcPr>
            <w:tcW w:w="2552" w:type="dxa"/>
            <w:shd w:val="clear" w:color="auto" w:fill="auto"/>
          </w:tcPr>
          <w:p w:rsidR="00835959" w:rsidRPr="00085F16" w:rsidRDefault="00E511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рт-апрель</w:t>
            </w:r>
          </w:p>
        </w:tc>
        <w:tc>
          <w:tcPr>
            <w:tcW w:w="3173" w:type="dxa"/>
            <w:shd w:val="clear" w:color="auto" w:fill="auto"/>
          </w:tcPr>
          <w:p w:rsidR="00835959" w:rsidRPr="00085F16" w:rsidRDefault="00E511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</w:p>
          <w:p w:rsidR="00E511B1" w:rsidRPr="00085F16" w:rsidRDefault="00E511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-предметники</w:t>
            </w:r>
          </w:p>
        </w:tc>
      </w:tr>
      <w:tr w:rsidR="00835959" w:rsidRPr="00085F16" w:rsidTr="00412C71">
        <w:tc>
          <w:tcPr>
            <w:tcW w:w="817" w:type="dxa"/>
            <w:shd w:val="clear" w:color="auto" w:fill="auto"/>
          </w:tcPr>
          <w:p w:rsidR="00835959" w:rsidRPr="00085F16" w:rsidRDefault="0050014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9072" w:type="dxa"/>
            <w:shd w:val="clear" w:color="auto" w:fill="auto"/>
          </w:tcPr>
          <w:p w:rsidR="00835959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«</w:t>
            </w:r>
            <w:r w:rsidR="00E511B1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ценка методической работы школы за второе полугодие, учебный год</w:t>
            </w: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»</w:t>
            </w:r>
            <w:r w:rsidR="00E511B1"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.</w:t>
            </w:r>
          </w:p>
          <w:p w:rsidR="003D09D3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  <w:u w:val="single"/>
              </w:rPr>
              <w:t>Рабочие вопросы:</w:t>
            </w:r>
          </w:p>
          <w:p w:rsidR="00E511B1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  <w:r w:rsidR="00E511B1" w:rsidRPr="00085F16">
              <w:rPr>
                <w:rFonts w:ascii="Times New Roman" w:hAnsi="Times New Roman" w:cs="Times New Roman"/>
                <w:sz w:val="24"/>
                <w:szCs w:val="24"/>
              </w:rPr>
              <w:t>Подведение итогов работы МС.</w:t>
            </w:r>
          </w:p>
          <w:p w:rsidR="00E511B1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2. </w:t>
            </w:r>
            <w:r w:rsidR="00E511B1" w:rsidRPr="00085F16">
              <w:rPr>
                <w:rFonts w:ascii="Times New Roman" w:hAnsi="Times New Roman" w:cs="Times New Roman"/>
                <w:sz w:val="24"/>
                <w:szCs w:val="24"/>
              </w:rPr>
              <w:t>Подведение итогов</w:t>
            </w:r>
            <w:r w:rsidR="0021445B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аттестации, курсовой подготовки педагогических кадров школы за учебный год.</w:t>
            </w:r>
          </w:p>
          <w:p w:rsidR="0021445B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3. </w:t>
            </w:r>
            <w:r w:rsidR="0021445B" w:rsidRPr="00085F16">
              <w:rPr>
                <w:rFonts w:ascii="Times New Roman" w:hAnsi="Times New Roman" w:cs="Times New Roman"/>
                <w:sz w:val="24"/>
                <w:szCs w:val="24"/>
              </w:rPr>
              <w:t>Подведение итогов обмена опытом и обобщение опыта.</w:t>
            </w:r>
          </w:p>
          <w:p w:rsidR="0021445B" w:rsidRPr="00085F16" w:rsidRDefault="003D09D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4. </w:t>
            </w:r>
            <w:r w:rsidR="0021445B" w:rsidRPr="00085F16">
              <w:rPr>
                <w:rFonts w:ascii="Times New Roman" w:hAnsi="Times New Roman" w:cs="Times New Roman"/>
                <w:sz w:val="24"/>
                <w:szCs w:val="24"/>
              </w:rPr>
              <w:t>Обсуждение плана методической работы на следующий учебный год.</w:t>
            </w:r>
          </w:p>
        </w:tc>
        <w:tc>
          <w:tcPr>
            <w:tcW w:w="2552" w:type="dxa"/>
            <w:shd w:val="clear" w:color="auto" w:fill="auto"/>
          </w:tcPr>
          <w:p w:rsidR="00835959" w:rsidRPr="00085F16" w:rsidRDefault="0021445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й -июнь</w:t>
            </w:r>
          </w:p>
        </w:tc>
        <w:tc>
          <w:tcPr>
            <w:tcW w:w="3173" w:type="dxa"/>
            <w:shd w:val="clear" w:color="auto" w:fill="auto"/>
          </w:tcPr>
          <w:p w:rsidR="00835959" w:rsidRPr="00085F16" w:rsidRDefault="0021445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</w:t>
            </w:r>
            <w:r w:rsidR="00E27CFA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ВР</w:t>
            </w:r>
          </w:p>
          <w:p w:rsidR="0021445B" w:rsidRPr="00085F16" w:rsidRDefault="0021445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</w:tr>
    </w:tbl>
    <w:p w:rsidR="0021445B" w:rsidRPr="00085F16" w:rsidRDefault="0021445B" w:rsidP="00085F16">
      <w:pPr>
        <w:rPr>
          <w:rFonts w:ascii="Times New Roman" w:hAnsi="Times New Roman" w:cs="Times New Roman"/>
          <w:sz w:val="24"/>
          <w:szCs w:val="24"/>
        </w:rPr>
      </w:pPr>
    </w:p>
    <w:p w:rsidR="0021445B" w:rsidRPr="007364F2" w:rsidRDefault="0021445B" w:rsidP="004E5488">
      <w:pPr>
        <w:pStyle w:val="2"/>
      </w:pPr>
      <w:bookmarkStart w:id="12" w:name="_Toc120516850"/>
      <w:r w:rsidRPr="007364F2">
        <w:t>График проведения предметных недель</w:t>
      </w:r>
      <w:bookmarkEnd w:id="12"/>
    </w:p>
    <w:tbl>
      <w:tblPr>
        <w:tblStyle w:val="a3"/>
        <w:tblW w:w="0" w:type="auto"/>
        <w:tblLook w:val="04A0"/>
      </w:tblPr>
      <w:tblGrid>
        <w:gridCol w:w="2281"/>
        <w:gridCol w:w="4961"/>
        <w:gridCol w:w="3833"/>
      </w:tblGrid>
      <w:tr w:rsidR="0021445B" w:rsidRPr="00085F16" w:rsidTr="004E5488">
        <w:trPr>
          <w:trHeight w:val="1126"/>
        </w:trPr>
        <w:tc>
          <w:tcPr>
            <w:tcW w:w="2359" w:type="dxa"/>
          </w:tcPr>
          <w:p w:rsidR="0021445B" w:rsidRPr="00085F16" w:rsidRDefault="0021445B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Месяц </w:t>
            </w:r>
          </w:p>
        </w:tc>
        <w:tc>
          <w:tcPr>
            <w:tcW w:w="5176" w:type="dxa"/>
          </w:tcPr>
          <w:p w:rsidR="0021445B" w:rsidRPr="00085F16" w:rsidRDefault="0021445B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Предмет </w:t>
            </w:r>
          </w:p>
        </w:tc>
        <w:tc>
          <w:tcPr>
            <w:tcW w:w="3965" w:type="dxa"/>
          </w:tcPr>
          <w:p w:rsidR="0021445B" w:rsidRPr="00085F16" w:rsidRDefault="0021445B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Ответственный </w:t>
            </w:r>
          </w:p>
        </w:tc>
      </w:tr>
      <w:tr w:rsidR="0021445B" w:rsidRPr="00085F16" w:rsidTr="004E5488">
        <w:tc>
          <w:tcPr>
            <w:tcW w:w="2359" w:type="dxa"/>
          </w:tcPr>
          <w:p w:rsidR="0021445B" w:rsidRPr="00085F16" w:rsidRDefault="0021445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5176" w:type="dxa"/>
          </w:tcPr>
          <w:p w:rsidR="0021445B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сихология</w:t>
            </w:r>
          </w:p>
        </w:tc>
        <w:tc>
          <w:tcPr>
            <w:tcW w:w="3965" w:type="dxa"/>
          </w:tcPr>
          <w:p w:rsidR="0021445B" w:rsidRPr="00085F16" w:rsidRDefault="007F52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.В.Лесковская</w:t>
            </w:r>
          </w:p>
        </w:tc>
      </w:tr>
      <w:tr w:rsidR="007F52DA" w:rsidRPr="00085F16" w:rsidTr="004E5488">
        <w:tc>
          <w:tcPr>
            <w:tcW w:w="2359" w:type="dxa"/>
          </w:tcPr>
          <w:p w:rsidR="007F52DA" w:rsidRPr="00085F16" w:rsidRDefault="007F52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тябрь</w:t>
            </w:r>
          </w:p>
        </w:tc>
        <w:tc>
          <w:tcPr>
            <w:tcW w:w="5176" w:type="dxa"/>
          </w:tcPr>
          <w:p w:rsidR="007F52DA" w:rsidRPr="00085F16" w:rsidRDefault="007F52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одной язык и родная литература</w:t>
            </w:r>
          </w:p>
        </w:tc>
        <w:tc>
          <w:tcPr>
            <w:tcW w:w="3965" w:type="dxa"/>
          </w:tcPr>
          <w:p w:rsidR="007F52DA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Ж.И. Качмазова</w:t>
            </w:r>
          </w:p>
        </w:tc>
      </w:tr>
      <w:tr w:rsidR="0021445B" w:rsidRPr="00085F16" w:rsidTr="004E5488">
        <w:tc>
          <w:tcPr>
            <w:tcW w:w="2359" w:type="dxa"/>
          </w:tcPr>
          <w:p w:rsidR="0021445B" w:rsidRPr="00085F16" w:rsidRDefault="007F52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оябрь</w:t>
            </w:r>
          </w:p>
        </w:tc>
        <w:tc>
          <w:tcPr>
            <w:tcW w:w="5176" w:type="dxa"/>
          </w:tcPr>
          <w:p w:rsidR="0021445B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глийского языка</w:t>
            </w:r>
          </w:p>
        </w:tc>
        <w:tc>
          <w:tcPr>
            <w:tcW w:w="3965" w:type="dxa"/>
          </w:tcPr>
          <w:p w:rsidR="0021445B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Э.Г.Кудухова</w:t>
            </w:r>
          </w:p>
        </w:tc>
      </w:tr>
      <w:tr w:rsidR="0021445B" w:rsidRPr="00085F16" w:rsidTr="004E5488">
        <w:tc>
          <w:tcPr>
            <w:tcW w:w="2359" w:type="dxa"/>
          </w:tcPr>
          <w:p w:rsidR="0021445B" w:rsidRPr="00085F16" w:rsidRDefault="0028153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екабрь</w:t>
            </w:r>
          </w:p>
        </w:tc>
        <w:tc>
          <w:tcPr>
            <w:tcW w:w="5176" w:type="dxa"/>
          </w:tcPr>
          <w:p w:rsidR="0021445B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сского языка и литературы</w:t>
            </w:r>
          </w:p>
        </w:tc>
        <w:tc>
          <w:tcPr>
            <w:tcW w:w="3965" w:type="dxa"/>
          </w:tcPr>
          <w:p w:rsidR="0021445B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.Н.Таймазова</w:t>
            </w:r>
          </w:p>
        </w:tc>
      </w:tr>
      <w:tr w:rsidR="0021445B" w:rsidRPr="00085F16" w:rsidTr="004E5488">
        <w:tc>
          <w:tcPr>
            <w:tcW w:w="2359" w:type="dxa"/>
          </w:tcPr>
          <w:p w:rsidR="0021445B" w:rsidRPr="00085F16" w:rsidRDefault="0028153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  <w:tc>
          <w:tcPr>
            <w:tcW w:w="5176" w:type="dxa"/>
          </w:tcPr>
          <w:p w:rsidR="0021445B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изико-математических дисциплин</w:t>
            </w:r>
          </w:p>
        </w:tc>
        <w:tc>
          <w:tcPr>
            <w:tcW w:w="3965" w:type="dxa"/>
          </w:tcPr>
          <w:p w:rsidR="0021445B" w:rsidRPr="00085F16" w:rsidRDefault="003857E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.Ф.</w:t>
            </w:r>
            <w:r w:rsidR="00A7026F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Багиаева </w:t>
            </w:r>
          </w:p>
        </w:tc>
      </w:tr>
      <w:tr w:rsidR="007F52DA" w:rsidRPr="00085F16" w:rsidTr="004E5488">
        <w:tc>
          <w:tcPr>
            <w:tcW w:w="2359" w:type="dxa"/>
          </w:tcPr>
          <w:p w:rsidR="007F52DA" w:rsidRPr="00085F16" w:rsidRDefault="007F52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Февраль </w:t>
            </w:r>
          </w:p>
        </w:tc>
        <w:tc>
          <w:tcPr>
            <w:tcW w:w="5176" w:type="dxa"/>
          </w:tcPr>
          <w:p w:rsidR="007F52DA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стории и общества</w:t>
            </w:r>
          </w:p>
        </w:tc>
        <w:tc>
          <w:tcPr>
            <w:tcW w:w="3965" w:type="dxa"/>
          </w:tcPr>
          <w:p w:rsidR="007F52DA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.Г.Кобесова</w:t>
            </w:r>
          </w:p>
        </w:tc>
      </w:tr>
      <w:tr w:rsidR="007F52DA" w:rsidRPr="00085F16" w:rsidTr="004E5488">
        <w:tc>
          <w:tcPr>
            <w:tcW w:w="2359" w:type="dxa"/>
          </w:tcPr>
          <w:p w:rsidR="007F52DA" w:rsidRPr="00085F16" w:rsidRDefault="007F52D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рт </w:t>
            </w:r>
          </w:p>
        </w:tc>
        <w:tc>
          <w:tcPr>
            <w:tcW w:w="5176" w:type="dxa"/>
          </w:tcPr>
          <w:p w:rsidR="007F52DA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ачальная школа</w:t>
            </w:r>
          </w:p>
        </w:tc>
        <w:tc>
          <w:tcPr>
            <w:tcW w:w="3965" w:type="dxa"/>
          </w:tcPr>
          <w:p w:rsidR="007F52DA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.Б.Макеева</w:t>
            </w:r>
          </w:p>
        </w:tc>
      </w:tr>
      <w:tr w:rsidR="00281538" w:rsidRPr="00085F16" w:rsidTr="004E5488">
        <w:tc>
          <w:tcPr>
            <w:tcW w:w="2359" w:type="dxa"/>
          </w:tcPr>
          <w:p w:rsidR="00281538" w:rsidRPr="00085F16" w:rsidRDefault="0028153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прель</w:t>
            </w:r>
          </w:p>
        </w:tc>
        <w:tc>
          <w:tcPr>
            <w:tcW w:w="5176" w:type="dxa"/>
          </w:tcPr>
          <w:p w:rsidR="00281538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Естественно-научных дисциплин</w:t>
            </w:r>
          </w:p>
        </w:tc>
        <w:tc>
          <w:tcPr>
            <w:tcW w:w="3965" w:type="dxa"/>
          </w:tcPr>
          <w:p w:rsidR="00281538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.Б.Дзугаева</w:t>
            </w:r>
          </w:p>
        </w:tc>
      </w:tr>
      <w:tr w:rsidR="00281538" w:rsidRPr="00085F16" w:rsidTr="004E5488">
        <w:tc>
          <w:tcPr>
            <w:tcW w:w="2359" w:type="dxa"/>
          </w:tcPr>
          <w:p w:rsidR="00281538" w:rsidRPr="00085F16" w:rsidRDefault="0028153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прель </w:t>
            </w:r>
          </w:p>
        </w:tc>
        <w:tc>
          <w:tcPr>
            <w:tcW w:w="5176" w:type="dxa"/>
          </w:tcPr>
          <w:p w:rsidR="00281538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Школьная научно-практическая конференция</w:t>
            </w:r>
          </w:p>
        </w:tc>
        <w:tc>
          <w:tcPr>
            <w:tcW w:w="3965" w:type="dxa"/>
          </w:tcPr>
          <w:p w:rsidR="00281538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ВР</w:t>
            </w:r>
          </w:p>
        </w:tc>
      </w:tr>
      <w:tr w:rsidR="00281538" w:rsidRPr="00085F16" w:rsidTr="004E5488">
        <w:tc>
          <w:tcPr>
            <w:tcW w:w="2359" w:type="dxa"/>
          </w:tcPr>
          <w:p w:rsidR="00281538" w:rsidRPr="00085F16" w:rsidRDefault="00281538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й</w:t>
            </w:r>
          </w:p>
        </w:tc>
        <w:tc>
          <w:tcPr>
            <w:tcW w:w="5176" w:type="dxa"/>
          </w:tcPr>
          <w:p w:rsidR="00281538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изическая культура</w:t>
            </w:r>
          </w:p>
        </w:tc>
        <w:tc>
          <w:tcPr>
            <w:tcW w:w="3965" w:type="dxa"/>
          </w:tcPr>
          <w:p w:rsidR="00281538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.К.Царахов</w:t>
            </w:r>
          </w:p>
        </w:tc>
      </w:tr>
      <w:tr w:rsidR="00A7026F" w:rsidRPr="00085F16" w:rsidTr="004E5488">
        <w:tc>
          <w:tcPr>
            <w:tcW w:w="2359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176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965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7026F" w:rsidRPr="00085F16" w:rsidTr="004E5488">
        <w:tc>
          <w:tcPr>
            <w:tcW w:w="2359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176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965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7026F" w:rsidRPr="00085F16" w:rsidTr="004E5488">
        <w:tc>
          <w:tcPr>
            <w:tcW w:w="2359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176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965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7026F" w:rsidRPr="00085F16" w:rsidTr="004E5488">
        <w:tc>
          <w:tcPr>
            <w:tcW w:w="2359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176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965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7026F" w:rsidRPr="00085F16" w:rsidTr="004E5488">
        <w:tc>
          <w:tcPr>
            <w:tcW w:w="2359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176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965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7026F" w:rsidRPr="00085F16" w:rsidTr="004E5488">
        <w:tc>
          <w:tcPr>
            <w:tcW w:w="2359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176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965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7026F" w:rsidRPr="00085F16" w:rsidTr="004E5488">
        <w:tc>
          <w:tcPr>
            <w:tcW w:w="2359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176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965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7026F" w:rsidRPr="00085F16" w:rsidTr="004E5488">
        <w:tc>
          <w:tcPr>
            <w:tcW w:w="2359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176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965" w:type="dxa"/>
          </w:tcPr>
          <w:p w:rsidR="00A7026F" w:rsidRPr="00085F16" w:rsidRDefault="00A702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3857E3" w:rsidRPr="00085F16" w:rsidRDefault="003857E3" w:rsidP="00085F16">
      <w:pPr>
        <w:rPr>
          <w:rFonts w:ascii="Times New Roman" w:hAnsi="Times New Roman" w:cs="Times New Roman"/>
          <w:sz w:val="24"/>
          <w:szCs w:val="24"/>
        </w:rPr>
      </w:pPr>
    </w:p>
    <w:p w:rsidR="007364F2" w:rsidRPr="004E5488" w:rsidRDefault="007364F2" w:rsidP="004E5488">
      <w:pPr>
        <w:pStyle w:val="1"/>
      </w:pPr>
    </w:p>
    <w:p w:rsidR="0021445B" w:rsidRPr="004E5488" w:rsidRDefault="0021445B" w:rsidP="004E5488">
      <w:pPr>
        <w:pStyle w:val="1"/>
      </w:pPr>
      <w:bookmarkStart w:id="13" w:name="_Toc120516851"/>
      <w:r w:rsidRPr="004E5488">
        <w:t>IV. Организация работы с кадрами</w:t>
      </w:r>
      <w:bookmarkEnd w:id="13"/>
    </w:p>
    <w:p w:rsidR="0021445B" w:rsidRPr="004F6EA6" w:rsidRDefault="0021445B" w:rsidP="004E5488">
      <w:pPr>
        <w:pStyle w:val="2"/>
        <w:rPr>
          <w:lang w:val="ru-RU"/>
        </w:rPr>
      </w:pPr>
      <w:bookmarkStart w:id="14" w:name="_Toc120516852"/>
      <w:r w:rsidRPr="004F6EA6">
        <w:rPr>
          <w:lang w:val="ru-RU"/>
        </w:rPr>
        <w:t>План работы с педагогическими кадрами.</w:t>
      </w:r>
      <w:bookmarkEnd w:id="14"/>
    </w:p>
    <w:tbl>
      <w:tblPr>
        <w:tblStyle w:val="a3"/>
        <w:tblW w:w="0" w:type="auto"/>
        <w:tblLook w:val="04A0"/>
      </w:tblPr>
      <w:tblGrid>
        <w:gridCol w:w="560"/>
        <w:gridCol w:w="6005"/>
        <w:gridCol w:w="1960"/>
        <w:gridCol w:w="2550"/>
      </w:tblGrid>
      <w:tr w:rsidR="00BE0AC7" w:rsidRPr="00085F16" w:rsidTr="00A0456C">
        <w:tc>
          <w:tcPr>
            <w:tcW w:w="540" w:type="dxa"/>
          </w:tcPr>
          <w:p w:rsidR="0021445B" w:rsidRPr="00085F16" w:rsidRDefault="0021445B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  <w:p w:rsidR="0021445B" w:rsidRPr="00085F16" w:rsidRDefault="0021445B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/п</w:t>
            </w:r>
          </w:p>
        </w:tc>
        <w:tc>
          <w:tcPr>
            <w:tcW w:w="9774" w:type="dxa"/>
          </w:tcPr>
          <w:p w:rsidR="0021445B" w:rsidRPr="00085F16" w:rsidRDefault="0021445B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одержание работы</w:t>
            </w:r>
          </w:p>
        </w:tc>
        <w:tc>
          <w:tcPr>
            <w:tcW w:w="2127" w:type="dxa"/>
          </w:tcPr>
          <w:p w:rsidR="0021445B" w:rsidRPr="00085F16" w:rsidRDefault="0021445B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</w:t>
            </w:r>
          </w:p>
        </w:tc>
        <w:tc>
          <w:tcPr>
            <w:tcW w:w="3173" w:type="dxa"/>
          </w:tcPr>
          <w:p w:rsidR="0021445B" w:rsidRPr="00085F16" w:rsidRDefault="0021445B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й</w:t>
            </w:r>
          </w:p>
        </w:tc>
      </w:tr>
      <w:tr w:rsidR="00BE0AC7" w:rsidRPr="00085F16" w:rsidTr="00A0456C">
        <w:tc>
          <w:tcPr>
            <w:tcW w:w="540" w:type="dxa"/>
          </w:tcPr>
          <w:p w:rsidR="0021445B" w:rsidRPr="00085F16" w:rsidRDefault="00D847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74" w:type="dxa"/>
          </w:tcPr>
          <w:p w:rsidR="00A0456C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еспечение комплектования необходимого кадрового состава.</w:t>
            </w:r>
          </w:p>
        </w:tc>
        <w:tc>
          <w:tcPr>
            <w:tcW w:w="2127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</w:tr>
      <w:tr w:rsidR="00BE0AC7" w:rsidRPr="00085F16" w:rsidTr="00A0456C">
        <w:tc>
          <w:tcPr>
            <w:tcW w:w="540" w:type="dxa"/>
          </w:tcPr>
          <w:p w:rsidR="0021445B" w:rsidRPr="00085F16" w:rsidRDefault="00D847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74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ирование о научно-практических конференциях разного уровня.</w:t>
            </w:r>
          </w:p>
        </w:tc>
        <w:tc>
          <w:tcPr>
            <w:tcW w:w="2127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E0AC7" w:rsidRPr="00085F16" w:rsidTr="00A0456C">
        <w:tc>
          <w:tcPr>
            <w:tcW w:w="540" w:type="dxa"/>
          </w:tcPr>
          <w:p w:rsidR="0021445B" w:rsidRPr="00085F16" w:rsidRDefault="00D847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74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беседование с руководителем МО по корректировке планов работы.</w:t>
            </w:r>
          </w:p>
        </w:tc>
        <w:tc>
          <w:tcPr>
            <w:tcW w:w="2127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 раз в четверть</w:t>
            </w:r>
          </w:p>
        </w:tc>
        <w:tc>
          <w:tcPr>
            <w:tcW w:w="3173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E0AC7" w:rsidRPr="00085F16" w:rsidTr="00A0456C">
        <w:tc>
          <w:tcPr>
            <w:tcW w:w="540" w:type="dxa"/>
          </w:tcPr>
          <w:p w:rsidR="0021445B" w:rsidRPr="00085F16" w:rsidRDefault="00D847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9774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гласование плана проведения предметных недель.</w:t>
            </w:r>
          </w:p>
        </w:tc>
        <w:tc>
          <w:tcPr>
            <w:tcW w:w="2127" w:type="dxa"/>
          </w:tcPr>
          <w:p w:rsidR="0021445B" w:rsidRPr="00085F16" w:rsidRDefault="00CD21C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</w:t>
            </w:r>
            <w:r w:rsidR="00A0456C" w:rsidRPr="00085F16">
              <w:rPr>
                <w:rFonts w:ascii="Times New Roman" w:hAnsi="Times New Roman" w:cs="Times New Roman"/>
                <w:sz w:val="24"/>
                <w:szCs w:val="24"/>
              </w:rPr>
              <w:t>ентябрь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3173" w:type="dxa"/>
          </w:tcPr>
          <w:p w:rsidR="0021445B" w:rsidRPr="00085F16" w:rsidRDefault="0021445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BE0AC7" w:rsidRPr="00085F16" w:rsidTr="00A0456C">
        <w:tc>
          <w:tcPr>
            <w:tcW w:w="540" w:type="dxa"/>
          </w:tcPr>
          <w:p w:rsidR="0021445B" w:rsidRPr="00085F16" w:rsidRDefault="00D847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9774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индивидуальных бесед с учителями школы с целью знакомства с системой работы, выявления трудностей, оказания конкретной помощи.</w:t>
            </w:r>
          </w:p>
        </w:tc>
        <w:tc>
          <w:tcPr>
            <w:tcW w:w="2127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ЗД по УВР</w:t>
            </w:r>
          </w:p>
        </w:tc>
      </w:tr>
      <w:tr w:rsidR="00BE0AC7" w:rsidRPr="00085F16" w:rsidTr="00A0456C">
        <w:tc>
          <w:tcPr>
            <w:tcW w:w="540" w:type="dxa"/>
          </w:tcPr>
          <w:p w:rsidR="0021445B" w:rsidRPr="00085F16" w:rsidRDefault="00D847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9774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заседания МО учителей и классных руководителей в соответствии с планом работы.</w:t>
            </w:r>
          </w:p>
        </w:tc>
        <w:tc>
          <w:tcPr>
            <w:tcW w:w="2127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 раз в четверть</w:t>
            </w:r>
          </w:p>
        </w:tc>
        <w:tc>
          <w:tcPr>
            <w:tcW w:w="3173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</w:tr>
      <w:tr w:rsidR="00BE0AC7" w:rsidRPr="00085F16" w:rsidTr="00A0456C">
        <w:tc>
          <w:tcPr>
            <w:tcW w:w="540" w:type="dxa"/>
          </w:tcPr>
          <w:p w:rsidR="0021445B" w:rsidRPr="00085F16" w:rsidRDefault="00D847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9774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заседаний методического совета школы.</w:t>
            </w:r>
          </w:p>
        </w:tc>
        <w:tc>
          <w:tcPr>
            <w:tcW w:w="2127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плану</w:t>
            </w:r>
          </w:p>
        </w:tc>
        <w:tc>
          <w:tcPr>
            <w:tcW w:w="3173" w:type="dxa"/>
          </w:tcPr>
          <w:p w:rsidR="0021445B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С</w:t>
            </w:r>
          </w:p>
        </w:tc>
      </w:tr>
      <w:tr w:rsidR="00BE0AC7" w:rsidRPr="00085F16" w:rsidTr="00A0456C">
        <w:tc>
          <w:tcPr>
            <w:tcW w:w="540" w:type="dxa"/>
          </w:tcPr>
          <w:p w:rsidR="00D847B1" w:rsidRPr="00085F16" w:rsidRDefault="00D847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9774" w:type="dxa"/>
          </w:tcPr>
          <w:p w:rsidR="00D847B1" w:rsidRPr="00085F16" w:rsidRDefault="00A0456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ещение и организация взаимопосещения уроков с целью совершенствования дидактических принципов обучения.</w:t>
            </w:r>
          </w:p>
        </w:tc>
        <w:tc>
          <w:tcPr>
            <w:tcW w:w="2127" w:type="dxa"/>
          </w:tcPr>
          <w:p w:rsidR="00D847B1" w:rsidRPr="00085F16" w:rsidRDefault="00CD21C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D847B1" w:rsidRPr="00085F16" w:rsidRDefault="00CD21C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E0AC7" w:rsidRPr="00085F16" w:rsidTr="00A0456C">
        <w:tc>
          <w:tcPr>
            <w:tcW w:w="540" w:type="dxa"/>
          </w:tcPr>
          <w:p w:rsidR="00D847B1" w:rsidRPr="00085F16" w:rsidRDefault="00D847B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9774" w:type="dxa"/>
          </w:tcPr>
          <w:p w:rsidR="00D847B1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беседование с молодыми учителями.</w:t>
            </w:r>
          </w:p>
        </w:tc>
        <w:tc>
          <w:tcPr>
            <w:tcW w:w="2127" w:type="dxa"/>
          </w:tcPr>
          <w:p w:rsidR="00D847B1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D847B1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</w:tr>
      <w:tr w:rsidR="00BE0AC7" w:rsidRPr="00085F16" w:rsidTr="00A0456C">
        <w:tc>
          <w:tcPr>
            <w:tcW w:w="540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9774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сультации по подготовке к педагогическому совету.</w:t>
            </w:r>
          </w:p>
        </w:tc>
        <w:tc>
          <w:tcPr>
            <w:tcW w:w="2127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 необходимости </w:t>
            </w:r>
          </w:p>
        </w:tc>
        <w:tc>
          <w:tcPr>
            <w:tcW w:w="3173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E0AC7" w:rsidRPr="00085F16" w:rsidTr="00A0456C">
        <w:tc>
          <w:tcPr>
            <w:tcW w:w="540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</w:p>
        </w:tc>
        <w:tc>
          <w:tcPr>
            <w:tcW w:w="9774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дведение итогов работы учителей-предметников (по результатам административных контрольных работ и индивидуальным отчетам). </w:t>
            </w:r>
          </w:p>
        </w:tc>
        <w:tc>
          <w:tcPr>
            <w:tcW w:w="2127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</w:tr>
      <w:tr w:rsidR="00BE0AC7" w:rsidRPr="00085F16" w:rsidTr="00A0456C">
        <w:tc>
          <w:tcPr>
            <w:tcW w:w="540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2</w:t>
            </w:r>
          </w:p>
        </w:tc>
        <w:tc>
          <w:tcPr>
            <w:tcW w:w="9774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качеством проведения консультаций учителями-предметниками при подготовке к экзаменам.</w:t>
            </w:r>
          </w:p>
        </w:tc>
        <w:tc>
          <w:tcPr>
            <w:tcW w:w="2127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 25.04.</w:t>
            </w:r>
            <w:r w:rsidR="009F340E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875111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3173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</w:tr>
      <w:tr w:rsidR="00BE0AC7" w:rsidRPr="00085F16" w:rsidTr="00A0456C">
        <w:tc>
          <w:tcPr>
            <w:tcW w:w="540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3</w:t>
            </w:r>
          </w:p>
        </w:tc>
        <w:tc>
          <w:tcPr>
            <w:tcW w:w="9774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нализ результатов итоговой аттестации </w:t>
            </w:r>
            <w:r w:rsidR="00A7170B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(выявление недочетов в профессиональной подготовке учителей и планирование мероприятий по ее совершенствованию на новый учебный год).</w:t>
            </w:r>
          </w:p>
        </w:tc>
        <w:tc>
          <w:tcPr>
            <w:tcW w:w="2127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26.06.</w:t>
            </w:r>
            <w:r w:rsidR="009F340E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875111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3173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</w:tr>
      <w:tr w:rsidR="00BE0AC7" w:rsidRPr="00085F16" w:rsidTr="00A0456C">
        <w:tc>
          <w:tcPr>
            <w:tcW w:w="540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4</w:t>
            </w:r>
          </w:p>
        </w:tc>
        <w:tc>
          <w:tcPr>
            <w:tcW w:w="9774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блюдение законодательных актов и нормативных актов по социальной защите работников образования, реализации права работников на труд, отдых, лечение, гарантии труда, создания условий для труда и отдыха работников.</w:t>
            </w:r>
          </w:p>
        </w:tc>
        <w:tc>
          <w:tcPr>
            <w:tcW w:w="2127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дминистрация </w:t>
            </w:r>
          </w:p>
        </w:tc>
      </w:tr>
    </w:tbl>
    <w:p w:rsidR="0021445B" w:rsidRPr="00085F16" w:rsidRDefault="0021445B" w:rsidP="00085F16">
      <w:pPr>
        <w:rPr>
          <w:rFonts w:ascii="Times New Roman" w:hAnsi="Times New Roman" w:cs="Times New Roman"/>
          <w:sz w:val="24"/>
          <w:szCs w:val="24"/>
        </w:rPr>
      </w:pPr>
    </w:p>
    <w:p w:rsidR="00EE2C79" w:rsidRPr="00085F16" w:rsidRDefault="00EE2C79" w:rsidP="00085F16">
      <w:pPr>
        <w:rPr>
          <w:rFonts w:ascii="Times New Roman" w:hAnsi="Times New Roman" w:cs="Times New Roman"/>
          <w:sz w:val="24"/>
          <w:szCs w:val="24"/>
        </w:rPr>
      </w:pPr>
    </w:p>
    <w:p w:rsidR="00EE2C79" w:rsidRPr="00085F16" w:rsidRDefault="00EE2C79" w:rsidP="00085F16">
      <w:pPr>
        <w:rPr>
          <w:rFonts w:ascii="Times New Roman" w:hAnsi="Times New Roman" w:cs="Times New Roman"/>
          <w:sz w:val="24"/>
          <w:szCs w:val="24"/>
        </w:rPr>
      </w:pPr>
    </w:p>
    <w:p w:rsidR="00A7026F" w:rsidRPr="00085F16" w:rsidRDefault="00A7026F" w:rsidP="00085F16">
      <w:pPr>
        <w:rPr>
          <w:rFonts w:ascii="Times New Roman" w:hAnsi="Times New Roman" w:cs="Times New Roman"/>
          <w:sz w:val="24"/>
          <w:szCs w:val="24"/>
        </w:rPr>
      </w:pPr>
    </w:p>
    <w:p w:rsidR="00BE0AC7" w:rsidRPr="004F6EA6" w:rsidRDefault="00BE0AC7" w:rsidP="004E5488">
      <w:pPr>
        <w:pStyle w:val="2"/>
        <w:rPr>
          <w:lang w:val="ru-RU"/>
        </w:rPr>
      </w:pPr>
      <w:bookmarkStart w:id="15" w:name="_Toc120516853"/>
      <w:r w:rsidRPr="004F6EA6">
        <w:rPr>
          <w:lang w:val="ru-RU"/>
        </w:rPr>
        <w:t xml:space="preserve">План подготовки и проведения аттестации педагогических работников в </w:t>
      </w:r>
      <w:r w:rsidR="00875111" w:rsidRPr="004F6EA6">
        <w:rPr>
          <w:lang w:val="ru-RU"/>
        </w:rPr>
        <w:t>2022-2023</w:t>
      </w:r>
      <w:r w:rsidRPr="004F6EA6">
        <w:rPr>
          <w:lang w:val="ru-RU"/>
        </w:rPr>
        <w:t xml:space="preserve"> учебном году</w:t>
      </w:r>
      <w:bookmarkEnd w:id="15"/>
    </w:p>
    <w:p w:rsidR="007364F2" w:rsidRPr="00085F16" w:rsidRDefault="007364F2" w:rsidP="00085F16">
      <w:pPr>
        <w:rPr>
          <w:rFonts w:ascii="Times New Roman" w:hAnsi="Times New Roman" w:cs="Times New Roman"/>
          <w:b/>
          <w:sz w:val="24"/>
          <w:szCs w:val="24"/>
        </w:rPr>
      </w:pPr>
    </w:p>
    <w:tbl>
      <w:tblPr>
        <w:tblStyle w:val="a3"/>
        <w:tblW w:w="0" w:type="auto"/>
        <w:tblLook w:val="04A0"/>
      </w:tblPr>
      <w:tblGrid>
        <w:gridCol w:w="560"/>
        <w:gridCol w:w="6242"/>
        <w:gridCol w:w="1687"/>
        <w:gridCol w:w="2586"/>
      </w:tblGrid>
      <w:tr w:rsidR="00BE0AC7" w:rsidRPr="00085F16" w:rsidTr="0007110A">
        <w:tc>
          <w:tcPr>
            <w:tcW w:w="560" w:type="dxa"/>
          </w:tcPr>
          <w:p w:rsidR="00BE0AC7" w:rsidRPr="00085F16" w:rsidRDefault="00BE0AC7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 п/п</w:t>
            </w:r>
          </w:p>
        </w:tc>
        <w:tc>
          <w:tcPr>
            <w:tcW w:w="9760" w:type="dxa"/>
          </w:tcPr>
          <w:p w:rsidR="00BE0AC7" w:rsidRPr="00085F16" w:rsidRDefault="00BE0AC7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Мероприятия</w:t>
            </w:r>
          </w:p>
        </w:tc>
        <w:tc>
          <w:tcPr>
            <w:tcW w:w="2124" w:type="dxa"/>
          </w:tcPr>
          <w:p w:rsidR="00BE0AC7" w:rsidRPr="00085F16" w:rsidRDefault="00BE0AC7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</w:t>
            </w:r>
          </w:p>
        </w:tc>
        <w:tc>
          <w:tcPr>
            <w:tcW w:w="3170" w:type="dxa"/>
          </w:tcPr>
          <w:p w:rsidR="00BE0AC7" w:rsidRPr="00085F16" w:rsidRDefault="00BE0AC7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е</w:t>
            </w:r>
          </w:p>
        </w:tc>
      </w:tr>
      <w:tr w:rsidR="00BE0AC7" w:rsidRPr="00085F16" w:rsidTr="00BE0AC7">
        <w:tc>
          <w:tcPr>
            <w:tcW w:w="15614" w:type="dxa"/>
            <w:gridSpan w:val="4"/>
          </w:tcPr>
          <w:p w:rsidR="00BE0AC7" w:rsidRPr="00085F16" w:rsidRDefault="00BE0AC7" w:rsidP="00085F16">
            <w:pPr>
              <w:spacing w:line="276" w:lineRule="auto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Цель: создание условий для успешного прохождения педагогическими работниками аттестации на соответствие квалификационной категории.</w:t>
            </w:r>
          </w:p>
        </w:tc>
      </w:tr>
      <w:tr w:rsidR="00BE0AC7" w:rsidRPr="00085F16" w:rsidTr="00BE0AC7">
        <w:tc>
          <w:tcPr>
            <w:tcW w:w="15614" w:type="dxa"/>
            <w:gridSpan w:val="4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одготовительный этап.</w:t>
            </w:r>
          </w:p>
        </w:tc>
      </w:tr>
      <w:tr w:rsidR="00BE0AC7" w:rsidRPr="00085F16" w:rsidTr="0007110A">
        <w:tc>
          <w:tcPr>
            <w:tcW w:w="56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6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ормирование базы данных по аттестации педагогов.</w:t>
            </w:r>
          </w:p>
        </w:tc>
        <w:tc>
          <w:tcPr>
            <w:tcW w:w="2124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317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E0AC7" w:rsidRPr="00085F16" w:rsidTr="0007110A">
        <w:tc>
          <w:tcPr>
            <w:tcW w:w="56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6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пределение перечня материалов, необходимых для оценки уровня квалификации сотрудника школы и эффективности его работы.</w:t>
            </w:r>
          </w:p>
        </w:tc>
        <w:tc>
          <w:tcPr>
            <w:tcW w:w="2124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317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E0AC7" w:rsidRPr="00085F16" w:rsidTr="0007110A">
        <w:tc>
          <w:tcPr>
            <w:tcW w:w="56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6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дивидуальные консультации по заполнению заявлений и написанию самоанализа.</w:t>
            </w:r>
          </w:p>
        </w:tc>
        <w:tc>
          <w:tcPr>
            <w:tcW w:w="2124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317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E0AC7" w:rsidRPr="00085F16" w:rsidTr="0007110A">
        <w:tc>
          <w:tcPr>
            <w:tcW w:w="56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9760" w:type="dxa"/>
          </w:tcPr>
          <w:p w:rsidR="00BE0AC7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Групповая консультация для аттестующихся педагогов «Подготовка материалов собственной педагогической деятельности к аттестации».</w:t>
            </w:r>
          </w:p>
        </w:tc>
        <w:tc>
          <w:tcPr>
            <w:tcW w:w="2124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317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E0AC7" w:rsidRPr="00085F16" w:rsidTr="0007110A">
        <w:tc>
          <w:tcPr>
            <w:tcW w:w="56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9760" w:type="dxa"/>
          </w:tcPr>
          <w:p w:rsidR="00BE0AC7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зучение нормативных документов по организации, формам и процедурам аттестации педагогических работников в новой форме.</w:t>
            </w:r>
          </w:p>
        </w:tc>
        <w:tc>
          <w:tcPr>
            <w:tcW w:w="2124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3170" w:type="dxa"/>
          </w:tcPr>
          <w:p w:rsidR="00BE0AC7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5D220A" w:rsidRPr="00085F16" w:rsidTr="0007110A">
        <w:tc>
          <w:tcPr>
            <w:tcW w:w="560" w:type="dxa"/>
          </w:tcPr>
          <w:p w:rsidR="005D220A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9760" w:type="dxa"/>
          </w:tcPr>
          <w:p w:rsidR="005D22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консультаций по вопросам подачи заявлений для аттестации, формам и процедурам проведения аттестации.</w:t>
            </w:r>
          </w:p>
        </w:tc>
        <w:tc>
          <w:tcPr>
            <w:tcW w:w="2124" w:type="dxa"/>
          </w:tcPr>
          <w:p w:rsidR="005D220A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3170" w:type="dxa"/>
          </w:tcPr>
          <w:p w:rsidR="005D220A" w:rsidRPr="00085F16" w:rsidRDefault="005D22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07110A" w:rsidRPr="00085F16" w:rsidTr="0007110A">
        <w:tc>
          <w:tcPr>
            <w:tcW w:w="15614" w:type="dxa"/>
            <w:gridSpan w:val="4"/>
          </w:tcPr>
          <w:p w:rsidR="000711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рганизационный этап</w:t>
            </w:r>
          </w:p>
        </w:tc>
      </w:tr>
      <w:tr w:rsidR="005D220A" w:rsidRPr="00085F16" w:rsidTr="0007110A">
        <w:tc>
          <w:tcPr>
            <w:tcW w:w="560" w:type="dxa"/>
          </w:tcPr>
          <w:p w:rsidR="005D22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60" w:type="dxa"/>
          </w:tcPr>
          <w:p w:rsidR="005D22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ием заявлений от сотрудников школы.</w:t>
            </w:r>
          </w:p>
        </w:tc>
        <w:tc>
          <w:tcPr>
            <w:tcW w:w="2124" w:type="dxa"/>
          </w:tcPr>
          <w:p w:rsidR="005D22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3170" w:type="dxa"/>
          </w:tcPr>
          <w:p w:rsidR="005D22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07110A" w:rsidRPr="00085F16" w:rsidTr="0007110A">
        <w:tc>
          <w:tcPr>
            <w:tcW w:w="560" w:type="dxa"/>
          </w:tcPr>
          <w:p w:rsidR="000711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60" w:type="dxa"/>
          </w:tcPr>
          <w:p w:rsidR="000711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азание методической помощи аттестующимся учителям по составлению портфолио результатов профессиональной деятельности.</w:t>
            </w:r>
          </w:p>
        </w:tc>
        <w:tc>
          <w:tcPr>
            <w:tcW w:w="2124" w:type="dxa"/>
          </w:tcPr>
          <w:p w:rsidR="000711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 течение года </w:t>
            </w:r>
          </w:p>
        </w:tc>
        <w:tc>
          <w:tcPr>
            <w:tcW w:w="3170" w:type="dxa"/>
          </w:tcPr>
          <w:p w:rsidR="000711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07110A" w:rsidRPr="00085F16" w:rsidTr="0007110A">
        <w:tc>
          <w:tcPr>
            <w:tcW w:w="560" w:type="dxa"/>
          </w:tcPr>
          <w:p w:rsidR="000711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60" w:type="dxa"/>
          </w:tcPr>
          <w:p w:rsidR="000711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формление стенда «Аттестация педагогических работников»</w:t>
            </w:r>
          </w:p>
        </w:tc>
        <w:tc>
          <w:tcPr>
            <w:tcW w:w="2124" w:type="dxa"/>
          </w:tcPr>
          <w:p w:rsidR="000711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3170" w:type="dxa"/>
          </w:tcPr>
          <w:p w:rsidR="0007110A" w:rsidRPr="00085F16" w:rsidRDefault="0007110A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</w:tbl>
    <w:p w:rsidR="004E5488" w:rsidRDefault="004E5488" w:rsidP="004E5488">
      <w:pPr>
        <w:pStyle w:val="1"/>
        <w:rPr>
          <w:lang w:val="ru-RU"/>
        </w:rPr>
      </w:pPr>
    </w:p>
    <w:p w:rsidR="005374B6" w:rsidRDefault="005374B6" w:rsidP="005374B6"/>
    <w:p w:rsidR="005374B6" w:rsidRDefault="005374B6" w:rsidP="005374B6"/>
    <w:p w:rsidR="005374B6" w:rsidRDefault="005374B6" w:rsidP="005374B6"/>
    <w:p w:rsidR="005374B6" w:rsidRDefault="005374B6" w:rsidP="005374B6"/>
    <w:p w:rsidR="005374B6" w:rsidRDefault="005374B6" w:rsidP="005374B6"/>
    <w:p w:rsidR="005374B6" w:rsidRPr="005374B6" w:rsidRDefault="005374B6" w:rsidP="005374B6"/>
    <w:p w:rsidR="000D7256" w:rsidRPr="004E5488" w:rsidRDefault="0007110A" w:rsidP="004E5488">
      <w:pPr>
        <w:pStyle w:val="1"/>
        <w:rPr>
          <w:lang w:val="ru-RU"/>
        </w:rPr>
      </w:pPr>
      <w:bookmarkStart w:id="16" w:name="_Toc120516854"/>
      <w:r w:rsidRPr="00085F16">
        <w:t>V</w:t>
      </w:r>
      <w:r w:rsidRPr="004E5488">
        <w:rPr>
          <w:lang w:val="ru-RU"/>
        </w:rPr>
        <w:t>. Деятельность педагогического коллектива, направленная на улучшение образовательного процесса</w:t>
      </w:r>
      <w:bookmarkEnd w:id="16"/>
    </w:p>
    <w:tbl>
      <w:tblPr>
        <w:tblStyle w:val="a3"/>
        <w:tblW w:w="0" w:type="auto"/>
        <w:tblLook w:val="04A0"/>
      </w:tblPr>
      <w:tblGrid>
        <w:gridCol w:w="560"/>
        <w:gridCol w:w="6242"/>
        <w:gridCol w:w="1687"/>
        <w:gridCol w:w="2586"/>
      </w:tblGrid>
      <w:tr w:rsidR="0007110A" w:rsidRPr="00085F16" w:rsidTr="0013199B">
        <w:tc>
          <w:tcPr>
            <w:tcW w:w="560" w:type="dxa"/>
          </w:tcPr>
          <w:p w:rsidR="0007110A" w:rsidRPr="00085F16" w:rsidRDefault="0007110A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  <w:p w:rsidR="0007110A" w:rsidRPr="00085F16" w:rsidRDefault="0007110A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п/п</w:t>
            </w:r>
          </w:p>
        </w:tc>
        <w:tc>
          <w:tcPr>
            <w:tcW w:w="9760" w:type="dxa"/>
          </w:tcPr>
          <w:p w:rsidR="0007110A" w:rsidRPr="00085F16" w:rsidRDefault="0007110A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сновные направления деятельности</w:t>
            </w:r>
          </w:p>
        </w:tc>
        <w:tc>
          <w:tcPr>
            <w:tcW w:w="2124" w:type="dxa"/>
          </w:tcPr>
          <w:p w:rsidR="0007110A" w:rsidRPr="00085F16" w:rsidRDefault="0007110A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</w:t>
            </w:r>
          </w:p>
        </w:tc>
        <w:tc>
          <w:tcPr>
            <w:tcW w:w="3170" w:type="dxa"/>
          </w:tcPr>
          <w:p w:rsidR="0007110A" w:rsidRPr="00085F16" w:rsidRDefault="0007110A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е</w:t>
            </w:r>
          </w:p>
        </w:tc>
      </w:tr>
      <w:tr w:rsidR="0013199B" w:rsidRPr="00085F16" w:rsidTr="00842B25">
        <w:tc>
          <w:tcPr>
            <w:tcW w:w="15614" w:type="dxa"/>
            <w:gridSpan w:val="4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Работа по преемственности начальной и основной школы</w:t>
            </w:r>
          </w:p>
        </w:tc>
      </w:tr>
      <w:tr w:rsidR="0007110A" w:rsidRPr="00085F16" w:rsidTr="0013199B">
        <w:tc>
          <w:tcPr>
            <w:tcW w:w="5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беспечение преемственности образования, адаптации </w:t>
            </w:r>
            <w:r w:rsidR="009F340E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5 класса.</w:t>
            </w:r>
          </w:p>
        </w:tc>
        <w:tc>
          <w:tcPr>
            <w:tcW w:w="2124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317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едметники </w:t>
            </w:r>
          </w:p>
        </w:tc>
      </w:tr>
      <w:tr w:rsidR="0007110A" w:rsidRPr="00085F16" w:rsidTr="0013199B">
        <w:tc>
          <w:tcPr>
            <w:tcW w:w="5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нализ адаптации </w:t>
            </w:r>
            <w:r w:rsidR="009F340E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1 класса к школе.</w:t>
            </w:r>
          </w:p>
        </w:tc>
        <w:tc>
          <w:tcPr>
            <w:tcW w:w="2124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ктябрь </w:t>
            </w:r>
          </w:p>
        </w:tc>
        <w:tc>
          <w:tcPr>
            <w:tcW w:w="317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. руководитель</w:t>
            </w:r>
          </w:p>
        </w:tc>
      </w:tr>
      <w:tr w:rsidR="0007110A" w:rsidRPr="00085F16" w:rsidTr="0013199B">
        <w:tc>
          <w:tcPr>
            <w:tcW w:w="5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ещение учителями начальной школы уроков в 5</w:t>
            </w:r>
            <w:r w:rsidR="008D13FD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е.</w:t>
            </w:r>
          </w:p>
        </w:tc>
        <w:tc>
          <w:tcPr>
            <w:tcW w:w="2124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Ноябрь </w:t>
            </w:r>
          </w:p>
        </w:tc>
        <w:tc>
          <w:tcPr>
            <w:tcW w:w="317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 нач. кл.</w:t>
            </w:r>
          </w:p>
        </w:tc>
      </w:tr>
      <w:tr w:rsidR="0007110A" w:rsidRPr="00085F16" w:rsidTr="0013199B">
        <w:tc>
          <w:tcPr>
            <w:tcW w:w="5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97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сещение учителями будущего 5 класса уроков в 4 классе. </w:t>
            </w:r>
          </w:p>
        </w:tc>
        <w:tc>
          <w:tcPr>
            <w:tcW w:w="2124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екабрь </w:t>
            </w:r>
          </w:p>
        </w:tc>
        <w:tc>
          <w:tcPr>
            <w:tcW w:w="317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едметники </w:t>
            </w:r>
          </w:p>
        </w:tc>
      </w:tr>
      <w:tr w:rsidR="0007110A" w:rsidRPr="00085F16" w:rsidTr="0013199B">
        <w:tc>
          <w:tcPr>
            <w:tcW w:w="5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97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ониторинг учебной деятельности </w:t>
            </w:r>
            <w:r w:rsidR="009F340E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4 класса. </w:t>
            </w:r>
          </w:p>
        </w:tc>
        <w:tc>
          <w:tcPr>
            <w:tcW w:w="2124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Январь </w:t>
            </w:r>
          </w:p>
        </w:tc>
        <w:tc>
          <w:tcPr>
            <w:tcW w:w="317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МО</w:t>
            </w:r>
          </w:p>
        </w:tc>
      </w:tr>
      <w:tr w:rsidR="0007110A" w:rsidRPr="00085F16" w:rsidTr="0013199B">
        <w:tc>
          <w:tcPr>
            <w:tcW w:w="5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976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сещение уроков в 4 классе предметниками, планируемыми на новый учебный год. </w:t>
            </w:r>
          </w:p>
        </w:tc>
        <w:tc>
          <w:tcPr>
            <w:tcW w:w="2124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прель, май</w:t>
            </w:r>
          </w:p>
        </w:tc>
        <w:tc>
          <w:tcPr>
            <w:tcW w:w="3170" w:type="dxa"/>
          </w:tcPr>
          <w:p w:rsidR="0007110A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едметники </w:t>
            </w:r>
          </w:p>
        </w:tc>
      </w:tr>
      <w:tr w:rsidR="0013199B" w:rsidRPr="00085F16" w:rsidTr="00842B25">
        <w:tc>
          <w:tcPr>
            <w:tcW w:w="15614" w:type="dxa"/>
            <w:gridSpan w:val="4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>Дифференциация обучения. Работа с одаренными детьми.</w:t>
            </w:r>
          </w:p>
        </w:tc>
      </w:tr>
      <w:tr w:rsidR="0013199B" w:rsidRPr="00085F16" w:rsidTr="0013199B">
        <w:tc>
          <w:tcPr>
            <w:tcW w:w="560" w:type="dxa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60" w:type="dxa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обеседование с вновь прибывшими учениками. Работа по их адаптации к условиям обучения в образовательном учреждении. </w:t>
            </w:r>
          </w:p>
        </w:tc>
        <w:tc>
          <w:tcPr>
            <w:tcW w:w="2124" w:type="dxa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70" w:type="dxa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13199B" w:rsidRPr="00085F16" w:rsidTr="0013199B">
        <w:tc>
          <w:tcPr>
            <w:tcW w:w="560" w:type="dxa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60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дготовка </w:t>
            </w:r>
            <w:r w:rsidR="009F340E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 школьным и районным олимпиадам.</w:t>
            </w:r>
          </w:p>
        </w:tc>
        <w:tc>
          <w:tcPr>
            <w:tcW w:w="2124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 графику </w:t>
            </w:r>
          </w:p>
        </w:tc>
        <w:tc>
          <w:tcPr>
            <w:tcW w:w="3170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едметники </w:t>
            </w:r>
          </w:p>
        </w:tc>
      </w:tr>
      <w:tr w:rsidR="0013199B" w:rsidRPr="00085F16" w:rsidTr="0013199B">
        <w:tc>
          <w:tcPr>
            <w:tcW w:w="560" w:type="dxa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60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ыбор и подготовка тем к научным конференциям. </w:t>
            </w:r>
          </w:p>
        </w:tc>
        <w:tc>
          <w:tcPr>
            <w:tcW w:w="2124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Ноябрь </w:t>
            </w:r>
          </w:p>
        </w:tc>
        <w:tc>
          <w:tcPr>
            <w:tcW w:w="3170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едметники </w:t>
            </w:r>
          </w:p>
        </w:tc>
      </w:tr>
      <w:tr w:rsidR="0013199B" w:rsidRPr="00085F16" w:rsidTr="0013199B">
        <w:tc>
          <w:tcPr>
            <w:tcW w:w="560" w:type="dxa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9760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Участие в предметных олимпиадах. </w:t>
            </w:r>
          </w:p>
        </w:tc>
        <w:tc>
          <w:tcPr>
            <w:tcW w:w="2124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 графику </w:t>
            </w:r>
          </w:p>
        </w:tc>
        <w:tc>
          <w:tcPr>
            <w:tcW w:w="3170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Кл. руководители </w:t>
            </w:r>
          </w:p>
        </w:tc>
      </w:tr>
      <w:tr w:rsidR="0013199B" w:rsidRPr="00085F16" w:rsidTr="0013199B">
        <w:tc>
          <w:tcPr>
            <w:tcW w:w="560" w:type="dxa"/>
          </w:tcPr>
          <w:p w:rsidR="0013199B" w:rsidRPr="00085F16" w:rsidRDefault="0013199B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9760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нструктирование </w:t>
            </w:r>
            <w:r w:rsidR="00A7170B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по выборам экзаменов для итоговой аттестации.</w:t>
            </w:r>
          </w:p>
        </w:tc>
        <w:tc>
          <w:tcPr>
            <w:tcW w:w="2124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Февраль </w:t>
            </w:r>
          </w:p>
        </w:tc>
        <w:tc>
          <w:tcPr>
            <w:tcW w:w="3170" w:type="dxa"/>
          </w:tcPr>
          <w:p w:rsidR="0013199B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едметники </w:t>
            </w:r>
          </w:p>
        </w:tc>
      </w:tr>
      <w:tr w:rsidR="00842B25" w:rsidRPr="00085F16" w:rsidTr="00842B25">
        <w:tc>
          <w:tcPr>
            <w:tcW w:w="15614" w:type="dxa"/>
            <w:gridSpan w:val="4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 xml:space="preserve">Программа дополнительного образования детей. </w:t>
            </w:r>
          </w:p>
        </w:tc>
      </w:tr>
      <w:tr w:rsidR="00842B25" w:rsidRPr="00085F16" w:rsidTr="0013199B">
        <w:tc>
          <w:tcPr>
            <w:tcW w:w="560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60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Комплектование внеурочной деятельности. </w:t>
            </w:r>
          </w:p>
        </w:tc>
        <w:tc>
          <w:tcPr>
            <w:tcW w:w="2124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3170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842B25" w:rsidRPr="00085F16" w:rsidTr="0013199B">
        <w:tc>
          <w:tcPr>
            <w:tcW w:w="560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60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хват детей «группы риска» досуговой деятельностью. </w:t>
            </w:r>
          </w:p>
        </w:tc>
        <w:tc>
          <w:tcPr>
            <w:tcW w:w="2124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ктябрь </w:t>
            </w:r>
          </w:p>
        </w:tc>
        <w:tc>
          <w:tcPr>
            <w:tcW w:w="3170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Кл. руководители </w:t>
            </w:r>
          </w:p>
        </w:tc>
      </w:tr>
      <w:tr w:rsidR="00842B25" w:rsidRPr="00085F16" w:rsidTr="0013199B">
        <w:tc>
          <w:tcPr>
            <w:tcW w:w="560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60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Участие и проведение школьных коллективных творческих дел (по отдельному плану). </w:t>
            </w:r>
          </w:p>
        </w:tc>
        <w:tc>
          <w:tcPr>
            <w:tcW w:w="2124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 течение года </w:t>
            </w:r>
          </w:p>
        </w:tc>
        <w:tc>
          <w:tcPr>
            <w:tcW w:w="3170" w:type="dxa"/>
          </w:tcPr>
          <w:p w:rsidR="00842B25" w:rsidRPr="00085F16" w:rsidRDefault="00842B2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Кл. руководители </w:t>
            </w:r>
          </w:p>
        </w:tc>
      </w:tr>
    </w:tbl>
    <w:p w:rsidR="00EE2C79" w:rsidRPr="00085F16" w:rsidRDefault="00EE2C79" w:rsidP="00085F16">
      <w:pPr>
        <w:rPr>
          <w:rFonts w:ascii="Times New Roman" w:hAnsi="Times New Roman" w:cs="Times New Roman"/>
          <w:b/>
          <w:sz w:val="24"/>
          <w:szCs w:val="24"/>
        </w:rPr>
      </w:pPr>
    </w:p>
    <w:p w:rsidR="007364F2" w:rsidRDefault="007364F2" w:rsidP="007364F2">
      <w:pPr>
        <w:pStyle w:val="2"/>
        <w:rPr>
          <w:lang w:val="ru-RU"/>
        </w:rPr>
      </w:pPr>
    </w:p>
    <w:p w:rsidR="005374B6" w:rsidRDefault="005374B6" w:rsidP="005374B6"/>
    <w:p w:rsidR="005374B6" w:rsidRDefault="005374B6" w:rsidP="005374B6"/>
    <w:p w:rsidR="005374B6" w:rsidRDefault="005374B6" w:rsidP="005374B6"/>
    <w:p w:rsidR="005374B6" w:rsidRDefault="005374B6" w:rsidP="005374B6"/>
    <w:p w:rsidR="005374B6" w:rsidRDefault="005374B6" w:rsidP="005374B6"/>
    <w:p w:rsidR="005374B6" w:rsidRDefault="005374B6" w:rsidP="005374B6"/>
    <w:p w:rsidR="005374B6" w:rsidRDefault="005374B6" w:rsidP="005374B6"/>
    <w:p w:rsidR="005374B6" w:rsidRDefault="005374B6" w:rsidP="005374B6"/>
    <w:p w:rsidR="005374B6" w:rsidRPr="005374B6" w:rsidRDefault="005374B6" w:rsidP="005374B6"/>
    <w:p w:rsidR="0007110A" w:rsidRPr="004F6EA6" w:rsidRDefault="00842B25" w:rsidP="005374B6">
      <w:pPr>
        <w:pStyle w:val="2"/>
        <w:ind w:left="567"/>
        <w:rPr>
          <w:lang w:val="ru-RU"/>
        </w:rPr>
      </w:pPr>
      <w:bookmarkStart w:id="17" w:name="_Toc120516855"/>
      <w:r w:rsidRPr="004F6EA6">
        <w:rPr>
          <w:lang w:val="ru-RU"/>
        </w:rPr>
        <w:t>План мероприятий по подготовке к государственной  (итоговой) аттестации.</w:t>
      </w:r>
      <w:bookmarkEnd w:id="17"/>
    </w:p>
    <w:p w:rsidR="00842B25" w:rsidRPr="00085F16" w:rsidRDefault="00842B25" w:rsidP="005374B6">
      <w:pPr>
        <w:ind w:left="567"/>
        <w:rPr>
          <w:rFonts w:ascii="Times New Roman" w:hAnsi="Times New Roman" w:cs="Times New Roman"/>
          <w:b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>Цели:</w:t>
      </w:r>
    </w:p>
    <w:p w:rsidR="00842B25" w:rsidRPr="00085F16" w:rsidRDefault="00842B25" w:rsidP="005374B6">
      <w:pPr>
        <w:pStyle w:val="a8"/>
        <w:numPr>
          <w:ilvl w:val="0"/>
          <w:numId w:val="2"/>
        </w:numPr>
        <w:ind w:left="567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Грамотная организация работы школы по подготовке к итоговой аттестации выпускников в форме ГИА, составление дорожной карты.</w:t>
      </w:r>
    </w:p>
    <w:p w:rsidR="00842B25" w:rsidRPr="00085F16" w:rsidRDefault="00842B25" w:rsidP="005374B6">
      <w:pPr>
        <w:pStyle w:val="a8"/>
        <w:numPr>
          <w:ilvl w:val="0"/>
          <w:numId w:val="2"/>
        </w:numPr>
        <w:ind w:left="567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Формирование базы данных по данному направлению:</w:t>
      </w:r>
    </w:p>
    <w:p w:rsidR="00842B25" w:rsidRPr="00085F16" w:rsidRDefault="00842B25" w:rsidP="005374B6">
      <w:pPr>
        <w:pStyle w:val="a8"/>
        <w:ind w:left="567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потребности обучающихся, их учебные и психологические возможности и особенности;</w:t>
      </w:r>
    </w:p>
    <w:p w:rsidR="003B534C" w:rsidRPr="00085F16" w:rsidRDefault="00842B25" w:rsidP="005374B6">
      <w:pPr>
        <w:pStyle w:val="a8"/>
        <w:ind w:left="567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-методическое  и психологическое обеспечение подготовки.</w:t>
      </w:r>
    </w:p>
    <w:p w:rsidR="00842B25" w:rsidRPr="00085F16" w:rsidRDefault="00842B25" w:rsidP="005374B6">
      <w:pPr>
        <w:ind w:left="567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 xml:space="preserve">     3.  Обеспечение обучающихся, их родителей и учителей своевременной информацией. </w:t>
      </w:r>
    </w:p>
    <w:p w:rsidR="004E5488" w:rsidRPr="004F6EA6" w:rsidRDefault="004E5488" w:rsidP="004E5488">
      <w:pPr>
        <w:pStyle w:val="3"/>
        <w:rPr>
          <w:lang w:val="ru-RU"/>
        </w:rPr>
      </w:pPr>
    </w:p>
    <w:p w:rsidR="00842B25" w:rsidRPr="00085F16" w:rsidRDefault="00842B25" w:rsidP="004E5488">
      <w:pPr>
        <w:pStyle w:val="3"/>
      </w:pPr>
      <w:r w:rsidRPr="004F6EA6">
        <w:rPr>
          <w:lang w:val="ru-RU"/>
        </w:rPr>
        <w:t xml:space="preserve">   </w:t>
      </w:r>
      <w:bookmarkStart w:id="18" w:name="_Toc120516856"/>
      <w:r w:rsidRPr="00085F16">
        <w:t>Направления деятельности школы:</w:t>
      </w:r>
      <w:bookmarkEnd w:id="18"/>
    </w:p>
    <w:p w:rsidR="00842B25" w:rsidRPr="00085F16" w:rsidRDefault="00842B25" w:rsidP="00085F16">
      <w:pPr>
        <w:pStyle w:val="a8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Работа с нормативно-правовой базой;</w:t>
      </w:r>
    </w:p>
    <w:p w:rsidR="00842B25" w:rsidRPr="00085F16" w:rsidRDefault="00842B25" w:rsidP="00085F16">
      <w:pPr>
        <w:pStyle w:val="a8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Работа с учениками;</w:t>
      </w:r>
    </w:p>
    <w:p w:rsidR="00842B25" w:rsidRPr="00085F16" w:rsidRDefault="00842B25" w:rsidP="00085F16">
      <w:pPr>
        <w:pStyle w:val="a8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Работа с родителями;</w:t>
      </w:r>
    </w:p>
    <w:p w:rsidR="00842B25" w:rsidRPr="00085F16" w:rsidRDefault="00842B25" w:rsidP="00085F16">
      <w:pPr>
        <w:pStyle w:val="a8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Работа с учителями.</w:t>
      </w:r>
    </w:p>
    <w:p w:rsidR="00CB1BA9" w:rsidRPr="00085F16" w:rsidRDefault="00CB1BA9" w:rsidP="00085F16">
      <w:pPr>
        <w:pStyle w:val="a8"/>
        <w:rPr>
          <w:rFonts w:ascii="Times New Roman" w:hAnsi="Times New Roman" w:cs="Times New Roman"/>
          <w:sz w:val="24"/>
          <w:szCs w:val="24"/>
        </w:rPr>
      </w:pPr>
    </w:p>
    <w:tbl>
      <w:tblPr>
        <w:tblStyle w:val="a3"/>
        <w:tblW w:w="0" w:type="auto"/>
        <w:tblInd w:w="-34" w:type="dxa"/>
        <w:tblLook w:val="04A0"/>
      </w:tblPr>
      <w:tblGrid>
        <w:gridCol w:w="516"/>
        <w:gridCol w:w="6186"/>
        <w:gridCol w:w="1833"/>
        <w:gridCol w:w="2574"/>
      </w:tblGrid>
      <w:tr w:rsidR="00CB1BA9" w:rsidRPr="00085F16" w:rsidTr="00CB1BA9">
        <w:tc>
          <w:tcPr>
            <w:tcW w:w="568" w:type="dxa"/>
          </w:tcPr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9780" w:type="dxa"/>
          </w:tcPr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сновные мероприятия</w:t>
            </w:r>
          </w:p>
        </w:tc>
        <w:tc>
          <w:tcPr>
            <w:tcW w:w="2127" w:type="dxa"/>
          </w:tcPr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 исполнения</w:t>
            </w:r>
          </w:p>
        </w:tc>
        <w:tc>
          <w:tcPr>
            <w:tcW w:w="3173" w:type="dxa"/>
          </w:tcPr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е исполнители</w:t>
            </w:r>
          </w:p>
        </w:tc>
      </w:tr>
      <w:tr w:rsidR="00CB0414" w:rsidRPr="00085F16" w:rsidTr="00CB0414">
        <w:tc>
          <w:tcPr>
            <w:tcW w:w="15648" w:type="dxa"/>
            <w:gridSpan w:val="4"/>
          </w:tcPr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Нормативное и ресурсное обеспечение</w:t>
            </w:r>
          </w:p>
        </w:tc>
      </w:tr>
      <w:tr w:rsidR="00CB1BA9" w:rsidRPr="00085F16" w:rsidTr="00CB1BA9">
        <w:tc>
          <w:tcPr>
            <w:tcW w:w="568" w:type="dxa"/>
          </w:tcPr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80" w:type="dxa"/>
          </w:tcPr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зучение нормативно-правовой базы проведения государственной итоговой аттестации в 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-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ом году:</w:t>
            </w:r>
          </w:p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на совещаниях при директоре;</w:t>
            </w:r>
          </w:p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на методических </w:t>
            </w:r>
            <w:r w:rsidR="002600AF" w:rsidRPr="00085F16">
              <w:rPr>
                <w:rFonts w:ascii="Times New Roman" w:hAnsi="Times New Roman" w:cs="Times New Roman"/>
                <w:sz w:val="24"/>
                <w:szCs w:val="24"/>
              </w:rPr>
              <w:t>совещаниях;</w:t>
            </w:r>
          </w:p>
          <w:p w:rsidR="002600AF" w:rsidRPr="00085F16" w:rsidRDefault="002600A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на классных часах, родительских собраниях.</w:t>
            </w:r>
          </w:p>
        </w:tc>
        <w:tc>
          <w:tcPr>
            <w:tcW w:w="2127" w:type="dxa"/>
          </w:tcPr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тябрь-май</w:t>
            </w:r>
          </w:p>
        </w:tc>
        <w:tc>
          <w:tcPr>
            <w:tcW w:w="3173" w:type="dxa"/>
          </w:tcPr>
          <w:p w:rsidR="00CB1BA9" w:rsidRPr="00085F16" w:rsidRDefault="00CB1BA9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CB1BA9" w:rsidRPr="00085F16" w:rsidTr="00CB1BA9">
        <w:tc>
          <w:tcPr>
            <w:tcW w:w="568" w:type="dxa"/>
          </w:tcPr>
          <w:p w:rsidR="00CB1BA9" w:rsidRPr="00085F16" w:rsidRDefault="002600A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80" w:type="dxa"/>
          </w:tcPr>
          <w:p w:rsidR="00CB1BA9" w:rsidRPr="00085F16" w:rsidRDefault="002600A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егулирование процедурных вопросов подготовки и проведения государственной итоговой аттестации через издание системы приказов по школе.</w:t>
            </w:r>
          </w:p>
        </w:tc>
        <w:tc>
          <w:tcPr>
            <w:tcW w:w="2127" w:type="dxa"/>
          </w:tcPr>
          <w:p w:rsidR="00CB1BA9" w:rsidRPr="00085F16" w:rsidRDefault="002600A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 течение года </w:t>
            </w:r>
          </w:p>
        </w:tc>
        <w:tc>
          <w:tcPr>
            <w:tcW w:w="3173" w:type="dxa"/>
          </w:tcPr>
          <w:p w:rsidR="00CB1BA9" w:rsidRPr="00085F16" w:rsidRDefault="002600A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CB1BA9" w:rsidRPr="00085F16" w:rsidTr="00CB1BA9">
        <w:tc>
          <w:tcPr>
            <w:tcW w:w="568" w:type="dxa"/>
          </w:tcPr>
          <w:p w:rsidR="00CB1BA9" w:rsidRPr="00085F16" w:rsidRDefault="002600A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80" w:type="dxa"/>
          </w:tcPr>
          <w:p w:rsidR="00CB1BA9" w:rsidRPr="00085F16" w:rsidRDefault="002600A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зу</w:t>
            </w:r>
            <w:r w:rsidR="00CB0414" w:rsidRPr="00085F16">
              <w:rPr>
                <w:rFonts w:ascii="Times New Roman" w:hAnsi="Times New Roman" w:cs="Times New Roman"/>
                <w:sz w:val="24"/>
                <w:szCs w:val="24"/>
              </w:rPr>
              <w:t>чение инструкций и методических материалов на заседаниях МО:</w:t>
            </w:r>
          </w:p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изучение демоверсий, спецификации, кодификаторов, методических и инструктивных писем по предметам;</w:t>
            </w:r>
          </w:p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изучение технологии проведения ГИА в новой форме.</w:t>
            </w:r>
          </w:p>
        </w:tc>
        <w:tc>
          <w:tcPr>
            <w:tcW w:w="2127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-апрель</w:t>
            </w:r>
          </w:p>
        </w:tc>
        <w:tc>
          <w:tcPr>
            <w:tcW w:w="3173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CB0414" w:rsidRPr="00085F16" w:rsidTr="00CB0414">
        <w:tc>
          <w:tcPr>
            <w:tcW w:w="15648" w:type="dxa"/>
            <w:gridSpan w:val="4"/>
          </w:tcPr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Кадры</w:t>
            </w:r>
          </w:p>
        </w:tc>
      </w:tr>
      <w:tr w:rsidR="00CB1BA9" w:rsidRPr="00085F16" w:rsidTr="00CB1BA9">
        <w:tc>
          <w:tcPr>
            <w:tcW w:w="568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80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инструктивно-методических совещаний:</w:t>
            </w:r>
          </w:p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-анализ результатов ГИА в новой форме в 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-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ом году на заседаниях МО учителей-предметников;</w:t>
            </w:r>
          </w:p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изучение проектов КИМов на </w:t>
            </w:r>
            <w:r w:rsidR="000D7256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год;</w:t>
            </w:r>
          </w:p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изучение нормативно - правовой базы проведения ГИА в </w:t>
            </w:r>
            <w:r w:rsidR="000D7256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ом году.</w:t>
            </w:r>
          </w:p>
        </w:tc>
        <w:tc>
          <w:tcPr>
            <w:tcW w:w="2127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Октябрь,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апрель</w:t>
            </w:r>
          </w:p>
        </w:tc>
        <w:tc>
          <w:tcPr>
            <w:tcW w:w="3173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ЗД по УВР,</w:t>
            </w:r>
          </w:p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Руководитель МО</w:t>
            </w:r>
          </w:p>
        </w:tc>
      </w:tr>
      <w:tr w:rsidR="00CB1BA9" w:rsidRPr="00085F16" w:rsidTr="00CB1BA9">
        <w:tc>
          <w:tcPr>
            <w:tcW w:w="568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2</w:t>
            </w:r>
          </w:p>
        </w:tc>
        <w:tc>
          <w:tcPr>
            <w:tcW w:w="9780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астие учителей школы, работающих в 9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е, в работе семинаров муниципального уровня по вопросу подготовки к ГИА.</w:t>
            </w:r>
          </w:p>
        </w:tc>
        <w:tc>
          <w:tcPr>
            <w:tcW w:w="2127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-май </w:t>
            </w:r>
          </w:p>
        </w:tc>
        <w:tc>
          <w:tcPr>
            <w:tcW w:w="3173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-предметники</w:t>
            </w:r>
          </w:p>
        </w:tc>
      </w:tr>
      <w:tr w:rsidR="00CB1BA9" w:rsidRPr="00085F16" w:rsidTr="00CB1BA9">
        <w:tc>
          <w:tcPr>
            <w:tcW w:w="568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80" w:type="dxa"/>
          </w:tcPr>
          <w:p w:rsidR="00CB1BA9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ссмотрение педагогическим советом вопросов, отражающих проведение ГИА:</w:t>
            </w:r>
          </w:p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утверждение выбора обучающимися экз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аменов ГИА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;</w:t>
            </w:r>
          </w:p>
          <w:p w:rsidR="00CB0414" w:rsidRPr="00085F16" w:rsidRDefault="00CB0414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о допуске обучающихся к </w:t>
            </w:r>
            <w:r w:rsidR="00A124AC" w:rsidRPr="00085F16">
              <w:rPr>
                <w:rFonts w:ascii="Times New Roman" w:hAnsi="Times New Roman" w:cs="Times New Roman"/>
                <w:sz w:val="24"/>
                <w:szCs w:val="24"/>
              </w:rPr>
              <w:t>ГИА;</w:t>
            </w:r>
          </w:p>
          <w:p w:rsidR="00A124AC" w:rsidRPr="00085F16" w:rsidRDefault="00A124AC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анализ результатов</w:t>
            </w:r>
            <w:r w:rsidR="00B5396E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ГИА и определение задач на 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50014A" w:rsidRPr="00085F16">
              <w:rPr>
                <w:rFonts w:ascii="Times New Roman" w:hAnsi="Times New Roman" w:cs="Times New Roman"/>
                <w:sz w:val="24"/>
                <w:szCs w:val="24"/>
              </w:rPr>
              <w:t>-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B5396E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.</w:t>
            </w:r>
          </w:p>
        </w:tc>
        <w:tc>
          <w:tcPr>
            <w:tcW w:w="2127" w:type="dxa"/>
          </w:tcPr>
          <w:p w:rsidR="00CB1BA9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прель-июнь</w:t>
            </w:r>
          </w:p>
        </w:tc>
        <w:tc>
          <w:tcPr>
            <w:tcW w:w="3173" w:type="dxa"/>
          </w:tcPr>
          <w:p w:rsidR="00CB1BA9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B5396E">
        <w:tc>
          <w:tcPr>
            <w:tcW w:w="15648" w:type="dxa"/>
            <w:gridSpan w:val="4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рганизация. Управление. Контроль.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80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бор предварительной информации о выборе предметов для прохождения ГИА через анкетирование выпускников 9 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а.</w:t>
            </w:r>
          </w:p>
        </w:tc>
        <w:tc>
          <w:tcPr>
            <w:tcW w:w="2127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ктябрь </w:t>
            </w:r>
          </w:p>
        </w:tc>
        <w:tc>
          <w:tcPr>
            <w:tcW w:w="3173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. руководитель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80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выпускников 9-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го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 к ГИА:</w:t>
            </w:r>
          </w:p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проведение собраний </w:t>
            </w:r>
            <w:r w:rsidR="00A7170B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;</w:t>
            </w:r>
          </w:p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изучение нормативно-правовой базы, регулирующей проведение ГИА;</w:t>
            </w:r>
          </w:p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актические занятия с учащимися по обучению технологии оформления бланков;</w:t>
            </w:r>
          </w:p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организация диагностических работ с целью овладения </w:t>
            </w:r>
            <w:r w:rsidR="00A7170B" w:rsidRPr="00085F16">
              <w:rPr>
                <w:rFonts w:ascii="Times New Roman" w:hAnsi="Times New Roman" w:cs="Times New Roman"/>
                <w:sz w:val="24"/>
                <w:szCs w:val="24"/>
              </w:rPr>
              <w:t>обучающими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методикой выполнения заданий.</w:t>
            </w:r>
          </w:p>
        </w:tc>
        <w:tc>
          <w:tcPr>
            <w:tcW w:w="2127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тябрь, декабрь, февраль, апрель</w:t>
            </w:r>
          </w:p>
        </w:tc>
        <w:tc>
          <w:tcPr>
            <w:tcW w:w="3173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</w:t>
            </w:r>
          </w:p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.</w:t>
            </w:r>
            <w:r w:rsidR="006476A3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, учителя-предметники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80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и обновление списков по документам личности для формирования электронной базы данных выпускников.</w:t>
            </w:r>
          </w:p>
        </w:tc>
        <w:tc>
          <w:tcPr>
            <w:tcW w:w="2127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31 декабря</w:t>
            </w:r>
          </w:p>
        </w:tc>
        <w:tc>
          <w:tcPr>
            <w:tcW w:w="3173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9780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административных контрольных работ в форме ГИА  по обязательным предметам и предметам по выбору.</w:t>
            </w:r>
          </w:p>
        </w:tc>
        <w:tc>
          <w:tcPr>
            <w:tcW w:w="2127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плану ВШК</w:t>
            </w:r>
          </w:p>
        </w:tc>
        <w:tc>
          <w:tcPr>
            <w:tcW w:w="3173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9780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своевременным прохождением рабочих программ.</w:t>
            </w:r>
          </w:p>
        </w:tc>
        <w:tc>
          <w:tcPr>
            <w:tcW w:w="2127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 раз в четверть</w:t>
            </w:r>
          </w:p>
        </w:tc>
        <w:tc>
          <w:tcPr>
            <w:tcW w:w="3173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9780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деятельностью учителей, классного руководителя по подготовке к ГИА</w:t>
            </w:r>
          </w:p>
        </w:tc>
        <w:tc>
          <w:tcPr>
            <w:tcW w:w="2127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9780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дача заявлений обучающихся 9 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а на экзамены по выбору.</w:t>
            </w:r>
          </w:p>
        </w:tc>
        <w:tc>
          <w:tcPr>
            <w:tcW w:w="2127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 марта</w:t>
            </w:r>
          </w:p>
        </w:tc>
        <w:tc>
          <w:tcPr>
            <w:tcW w:w="3173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9780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списка обучающихся 9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, подлежащих по состоянию здоровья итоговой аттестации в особых условиях.</w:t>
            </w:r>
          </w:p>
        </w:tc>
        <w:tc>
          <w:tcPr>
            <w:tcW w:w="2127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й </w:t>
            </w:r>
          </w:p>
        </w:tc>
        <w:tc>
          <w:tcPr>
            <w:tcW w:w="3173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9780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и выдача пропусков на ГИА для выпускников, допущенных к ГИА.</w:t>
            </w:r>
          </w:p>
        </w:tc>
        <w:tc>
          <w:tcPr>
            <w:tcW w:w="2127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5 мая</w:t>
            </w:r>
          </w:p>
        </w:tc>
        <w:tc>
          <w:tcPr>
            <w:tcW w:w="3173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9780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сопровождения и явки выпускников на экзамены.</w:t>
            </w:r>
          </w:p>
        </w:tc>
        <w:tc>
          <w:tcPr>
            <w:tcW w:w="2127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юнь </w:t>
            </w:r>
          </w:p>
        </w:tc>
        <w:tc>
          <w:tcPr>
            <w:tcW w:w="3173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</w:p>
        </w:tc>
        <w:tc>
          <w:tcPr>
            <w:tcW w:w="9780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знакомление выпускников и их родителей с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результатами экзаменов в новой форме (ГИА).</w:t>
            </w:r>
          </w:p>
        </w:tc>
        <w:tc>
          <w:tcPr>
            <w:tcW w:w="2127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Июнь </w:t>
            </w:r>
          </w:p>
        </w:tc>
        <w:tc>
          <w:tcPr>
            <w:tcW w:w="3173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2</w:t>
            </w:r>
          </w:p>
        </w:tc>
        <w:tc>
          <w:tcPr>
            <w:tcW w:w="9780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дготовка приказа о результатах ГИА в 9 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 11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е.</w:t>
            </w:r>
          </w:p>
        </w:tc>
        <w:tc>
          <w:tcPr>
            <w:tcW w:w="2127" w:type="dxa"/>
          </w:tcPr>
          <w:p w:rsidR="00B5396E" w:rsidRPr="00085F16" w:rsidRDefault="00B5396E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73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кретарь </w:t>
            </w:r>
          </w:p>
        </w:tc>
      </w:tr>
      <w:tr w:rsidR="00F14E5F" w:rsidRPr="00085F16" w:rsidTr="006476A3">
        <w:tc>
          <w:tcPr>
            <w:tcW w:w="15648" w:type="dxa"/>
            <w:gridSpan w:val="4"/>
          </w:tcPr>
          <w:p w:rsidR="00F14E5F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Информационное обеспечение.</w:t>
            </w:r>
          </w:p>
        </w:tc>
      </w:tr>
      <w:tr w:rsidR="00B5396E" w:rsidRPr="00085F16" w:rsidTr="00CB1BA9">
        <w:tc>
          <w:tcPr>
            <w:tcW w:w="568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80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формление информационных стендов (в кабинетах) с отражением нормативно-правовой базы проведения Г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>И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 выпускников 9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 в </w:t>
            </w:r>
            <w:r w:rsidR="000D7256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году.</w:t>
            </w:r>
          </w:p>
        </w:tc>
        <w:tc>
          <w:tcPr>
            <w:tcW w:w="2127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тябрь, март</w:t>
            </w:r>
          </w:p>
        </w:tc>
        <w:tc>
          <w:tcPr>
            <w:tcW w:w="3173" w:type="dxa"/>
          </w:tcPr>
          <w:p w:rsidR="00B5396E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F14E5F" w:rsidRPr="00085F16" w:rsidTr="00CB1BA9">
        <w:tc>
          <w:tcPr>
            <w:tcW w:w="568" w:type="dxa"/>
          </w:tcPr>
          <w:p w:rsidR="00F14E5F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80" w:type="dxa"/>
          </w:tcPr>
          <w:p w:rsidR="00F14E5F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разъяснительной работы среди участников образовательного процесса о целях, формах проведения ГИА выпускников 9</w:t>
            </w:r>
            <w:r w:rsidR="00EE2C7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11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класса.</w:t>
            </w:r>
          </w:p>
        </w:tc>
        <w:tc>
          <w:tcPr>
            <w:tcW w:w="2127" w:type="dxa"/>
          </w:tcPr>
          <w:p w:rsidR="00F14E5F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F14E5F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F14E5F" w:rsidRPr="00085F16" w:rsidTr="00CB1BA9">
        <w:tc>
          <w:tcPr>
            <w:tcW w:w="568" w:type="dxa"/>
          </w:tcPr>
          <w:p w:rsidR="00F14E5F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80" w:type="dxa"/>
          </w:tcPr>
          <w:p w:rsidR="00F14E5F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родительских собраний</w:t>
            </w:r>
            <w:r w:rsidR="006476A3" w:rsidRPr="00085F16">
              <w:rPr>
                <w:rFonts w:ascii="Times New Roman" w:hAnsi="Times New Roman" w:cs="Times New Roman"/>
                <w:sz w:val="24"/>
                <w:szCs w:val="24"/>
              </w:rPr>
              <w:t>:</w:t>
            </w:r>
          </w:p>
          <w:p w:rsidR="006476A3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нормативно-правовая база, регулирующая проведение ГИА в 20</w:t>
            </w:r>
            <w:r w:rsidR="000D7256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году;</w:t>
            </w:r>
          </w:p>
          <w:p w:rsidR="006476A3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дготовка учащихся к итоговой аттестации;</w:t>
            </w:r>
          </w:p>
          <w:p w:rsidR="006476A3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облемы профориентации и правильного выбора предметов для экзаменов в период итоговой аттестации.</w:t>
            </w:r>
          </w:p>
        </w:tc>
        <w:tc>
          <w:tcPr>
            <w:tcW w:w="2127" w:type="dxa"/>
          </w:tcPr>
          <w:p w:rsidR="00F14E5F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тябрь, апрель</w:t>
            </w:r>
          </w:p>
        </w:tc>
        <w:tc>
          <w:tcPr>
            <w:tcW w:w="3173" w:type="dxa"/>
          </w:tcPr>
          <w:p w:rsidR="00F14E5F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. руководитель</w:t>
            </w:r>
          </w:p>
        </w:tc>
      </w:tr>
      <w:tr w:rsidR="00F14E5F" w:rsidRPr="00085F16" w:rsidTr="00CB1BA9">
        <w:tc>
          <w:tcPr>
            <w:tcW w:w="568" w:type="dxa"/>
          </w:tcPr>
          <w:p w:rsidR="00F14E5F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9780" w:type="dxa"/>
          </w:tcPr>
          <w:p w:rsidR="00F14E5F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ирование обучающихся и родителей о портале информационной поддержки ГИА, размещение необходимой информации на сайте школы.</w:t>
            </w:r>
          </w:p>
        </w:tc>
        <w:tc>
          <w:tcPr>
            <w:tcW w:w="2127" w:type="dxa"/>
          </w:tcPr>
          <w:p w:rsidR="00F14E5F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Февраль-май </w:t>
            </w:r>
          </w:p>
        </w:tc>
        <w:tc>
          <w:tcPr>
            <w:tcW w:w="3173" w:type="dxa"/>
          </w:tcPr>
          <w:p w:rsidR="00F14E5F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F14E5F" w:rsidRPr="00085F16" w:rsidTr="00CB1BA9">
        <w:tc>
          <w:tcPr>
            <w:tcW w:w="568" w:type="dxa"/>
          </w:tcPr>
          <w:p w:rsidR="00F14E5F" w:rsidRPr="00085F16" w:rsidRDefault="00F14E5F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9780" w:type="dxa"/>
          </w:tcPr>
          <w:p w:rsidR="00F14E5F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Формирование отчетов по результатам ГИА в </w:t>
            </w:r>
            <w:r w:rsidR="000D7256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E22E1B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ом году.</w:t>
            </w:r>
          </w:p>
        </w:tc>
        <w:tc>
          <w:tcPr>
            <w:tcW w:w="2127" w:type="dxa"/>
          </w:tcPr>
          <w:p w:rsidR="00F14E5F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юнь </w:t>
            </w:r>
          </w:p>
        </w:tc>
        <w:tc>
          <w:tcPr>
            <w:tcW w:w="3173" w:type="dxa"/>
          </w:tcPr>
          <w:p w:rsidR="00F14E5F" w:rsidRPr="00085F16" w:rsidRDefault="006476A3" w:rsidP="00085F16">
            <w:pPr>
              <w:pStyle w:val="a8"/>
              <w:spacing w:line="276" w:lineRule="auto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</w:tbl>
    <w:p w:rsidR="004E5488" w:rsidRPr="005374B6" w:rsidRDefault="004E5488" w:rsidP="005374B6">
      <w:pPr>
        <w:pStyle w:val="2"/>
        <w:jc w:val="left"/>
        <w:rPr>
          <w:lang w:val="ru-RU"/>
        </w:rPr>
      </w:pPr>
    </w:p>
    <w:p w:rsidR="00CB1BA9" w:rsidRPr="004E5488" w:rsidRDefault="006476A3" w:rsidP="004E5488">
      <w:pPr>
        <w:pStyle w:val="2"/>
      </w:pPr>
      <w:bookmarkStart w:id="19" w:name="_Toc120516857"/>
      <w:r w:rsidRPr="004E5488">
        <w:t>План работы по информатизации.</w:t>
      </w:r>
      <w:bookmarkEnd w:id="19"/>
    </w:p>
    <w:p w:rsidR="006476A3" w:rsidRPr="00085F16" w:rsidRDefault="006476A3" w:rsidP="00085F16">
      <w:pPr>
        <w:rPr>
          <w:rFonts w:ascii="Times New Roman" w:hAnsi="Times New Roman" w:cs="Times New Roman"/>
          <w:b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 xml:space="preserve">Цель: </w:t>
      </w:r>
      <w:r w:rsidRPr="00085F16">
        <w:rPr>
          <w:rFonts w:ascii="Times New Roman" w:hAnsi="Times New Roman" w:cs="Times New Roman"/>
          <w:sz w:val="24"/>
          <w:szCs w:val="24"/>
        </w:rPr>
        <w:t>повышение качества образовательной и профессиональной подготовки в области применения современных информационных технологий.</w:t>
      </w:r>
    </w:p>
    <w:tbl>
      <w:tblPr>
        <w:tblStyle w:val="a3"/>
        <w:tblW w:w="0" w:type="auto"/>
        <w:tblLook w:val="04A0"/>
      </w:tblPr>
      <w:tblGrid>
        <w:gridCol w:w="498"/>
        <w:gridCol w:w="6229"/>
        <w:gridCol w:w="1759"/>
        <w:gridCol w:w="2589"/>
      </w:tblGrid>
      <w:tr w:rsidR="006476A3" w:rsidRPr="00085F16" w:rsidTr="006476A3">
        <w:tc>
          <w:tcPr>
            <w:tcW w:w="534" w:type="dxa"/>
          </w:tcPr>
          <w:p w:rsidR="006476A3" w:rsidRPr="00085F16" w:rsidRDefault="006476A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9780" w:type="dxa"/>
          </w:tcPr>
          <w:p w:rsidR="006476A3" w:rsidRPr="00085F16" w:rsidRDefault="006476A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Мероприятия</w:t>
            </w:r>
          </w:p>
        </w:tc>
        <w:tc>
          <w:tcPr>
            <w:tcW w:w="2127" w:type="dxa"/>
          </w:tcPr>
          <w:p w:rsidR="006476A3" w:rsidRPr="00085F16" w:rsidRDefault="006476A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</w:t>
            </w:r>
          </w:p>
        </w:tc>
        <w:tc>
          <w:tcPr>
            <w:tcW w:w="3173" w:type="dxa"/>
          </w:tcPr>
          <w:p w:rsidR="006476A3" w:rsidRPr="00085F16" w:rsidRDefault="006476A3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е</w:t>
            </w:r>
          </w:p>
        </w:tc>
      </w:tr>
      <w:tr w:rsidR="006476A3" w:rsidRPr="00085F16" w:rsidTr="006476A3">
        <w:tc>
          <w:tcPr>
            <w:tcW w:w="534" w:type="dxa"/>
          </w:tcPr>
          <w:p w:rsidR="006476A3" w:rsidRPr="00085F16" w:rsidRDefault="006476A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80" w:type="dxa"/>
          </w:tcPr>
          <w:p w:rsidR="006476A3" w:rsidRPr="00085F16" w:rsidRDefault="006476A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ормирование информационно-коммуникативной компетентности обучающихся через уроки, групповые и индивидуальные занятия, проектную деятельность.</w:t>
            </w:r>
          </w:p>
        </w:tc>
        <w:tc>
          <w:tcPr>
            <w:tcW w:w="2127" w:type="dxa"/>
          </w:tcPr>
          <w:p w:rsidR="006476A3" w:rsidRPr="00085F16" w:rsidRDefault="006476A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6476A3" w:rsidRPr="00085F16" w:rsidRDefault="006476A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-предметники</w:t>
            </w:r>
          </w:p>
        </w:tc>
      </w:tr>
      <w:tr w:rsidR="006476A3" w:rsidRPr="00085F16" w:rsidTr="006476A3">
        <w:tc>
          <w:tcPr>
            <w:tcW w:w="534" w:type="dxa"/>
          </w:tcPr>
          <w:p w:rsidR="006476A3" w:rsidRPr="00085F16" w:rsidRDefault="006476A3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80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инструктажей по </w:t>
            </w:r>
            <w:r w:rsidR="00036C93" w:rsidRPr="00085F16">
              <w:rPr>
                <w:rFonts w:ascii="Times New Roman" w:hAnsi="Times New Roman" w:cs="Times New Roman"/>
                <w:sz w:val="24"/>
                <w:szCs w:val="24"/>
              </w:rPr>
              <w:t>Т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Б работы в кабинете информатики и работе в сети Интернет с участниками образовательного процесса.</w:t>
            </w:r>
          </w:p>
        </w:tc>
        <w:tc>
          <w:tcPr>
            <w:tcW w:w="2127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3173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.кабинетом</w:t>
            </w:r>
          </w:p>
        </w:tc>
      </w:tr>
      <w:tr w:rsidR="006476A3" w:rsidRPr="00085F16" w:rsidTr="006476A3">
        <w:tc>
          <w:tcPr>
            <w:tcW w:w="534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80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оздание условий для свободного доступа </w:t>
            </w:r>
            <w:r w:rsidR="00A7170B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преподавателей к сетевым образовательным ресурсам, к системе электронных учебных материалов.</w:t>
            </w:r>
          </w:p>
        </w:tc>
        <w:tc>
          <w:tcPr>
            <w:tcW w:w="2127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.кабинетом информатики</w:t>
            </w:r>
          </w:p>
        </w:tc>
      </w:tr>
      <w:tr w:rsidR="006476A3" w:rsidRPr="00085F16" w:rsidTr="006476A3">
        <w:tc>
          <w:tcPr>
            <w:tcW w:w="534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9780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здание контролируемого доступа участников образовательного процесса к информационным образовательным ресурсам в сети Интернет.</w:t>
            </w:r>
          </w:p>
        </w:tc>
        <w:tc>
          <w:tcPr>
            <w:tcW w:w="2127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 течение года </w:t>
            </w:r>
          </w:p>
        </w:tc>
        <w:tc>
          <w:tcPr>
            <w:tcW w:w="3173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Учителя-предметники </w:t>
            </w:r>
          </w:p>
        </w:tc>
      </w:tr>
      <w:tr w:rsidR="002D4799" w:rsidRPr="00085F16" w:rsidTr="00BC16A9">
        <w:tc>
          <w:tcPr>
            <w:tcW w:w="15614" w:type="dxa"/>
            <w:gridSpan w:val="4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Информационная работа</w:t>
            </w:r>
          </w:p>
        </w:tc>
      </w:tr>
      <w:tr w:rsidR="006476A3" w:rsidRPr="00085F16" w:rsidTr="006476A3">
        <w:tc>
          <w:tcPr>
            <w:tcW w:w="534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80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звитие школьного сайта:</w:t>
            </w:r>
          </w:p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обновление разделов сайта;</w:t>
            </w:r>
          </w:p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своевременное размещение информации на странице новостей.</w:t>
            </w:r>
          </w:p>
        </w:tc>
        <w:tc>
          <w:tcPr>
            <w:tcW w:w="2127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</w:tc>
        <w:tc>
          <w:tcPr>
            <w:tcW w:w="3173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й за сайт</w:t>
            </w:r>
          </w:p>
        </w:tc>
      </w:tr>
      <w:tr w:rsidR="006476A3" w:rsidRPr="00085F16" w:rsidTr="006476A3">
        <w:tc>
          <w:tcPr>
            <w:tcW w:w="534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2</w:t>
            </w:r>
          </w:p>
        </w:tc>
        <w:tc>
          <w:tcPr>
            <w:tcW w:w="9780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полнение мониторинговых таблиц.</w:t>
            </w:r>
          </w:p>
        </w:tc>
        <w:tc>
          <w:tcPr>
            <w:tcW w:w="2127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 графику </w:t>
            </w:r>
          </w:p>
        </w:tc>
        <w:tc>
          <w:tcPr>
            <w:tcW w:w="3173" w:type="dxa"/>
          </w:tcPr>
          <w:p w:rsidR="006476A3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тветственный </w:t>
            </w:r>
          </w:p>
        </w:tc>
      </w:tr>
      <w:tr w:rsidR="00694949" w:rsidRPr="00085F16" w:rsidTr="00694949">
        <w:tc>
          <w:tcPr>
            <w:tcW w:w="15614" w:type="dxa"/>
            <w:gridSpan w:val="4"/>
          </w:tcPr>
          <w:p w:rsidR="00694949" w:rsidRPr="00085F16" w:rsidRDefault="00694949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Документация</w:t>
            </w:r>
          </w:p>
        </w:tc>
      </w:tr>
      <w:tr w:rsidR="002D4799" w:rsidRPr="00085F16" w:rsidTr="006476A3">
        <w:tc>
          <w:tcPr>
            <w:tcW w:w="534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9780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кументооборот электронной почты.</w:t>
            </w:r>
          </w:p>
        </w:tc>
        <w:tc>
          <w:tcPr>
            <w:tcW w:w="2127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стоянно </w:t>
            </w:r>
          </w:p>
        </w:tc>
        <w:tc>
          <w:tcPr>
            <w:tcW w:w="3173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кретарь </w:t>
            </w:r>
          </w:p>
        </w:tc>
      </w:tr>
      <w:tr w:rsidR="002D4799" w:rsidRPr="00085F16" w:rsidTr="006476A3">
        <w:tc>
          <w:tcPr>
            <w:tcW w:w="534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9780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едение журнала регистрации входящей документации. </w:t>
            </w:r>
          </w:p>
        </w:tc>
        <w:tc>
          <w:tcPr>
            <w:tcW w:w="2127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 течение года </w:t>
            </w:r>
          </w:p>
        </w:tc>
        <w:tc>
          <w:tcPr>
            <w:tcW w:w="3173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кретарь</w:t>
            </w:r>
          </w:p>
        </w:tc>
      </w:tr>
      <w:tr w:rsidR="002D4799" w:rsidRPr="00085F16" w:rsidTr="006476A3">
        <w:tc>
          <w:tcPr>
            <w:tcW w:w="534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9780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по использованию в образовательной деятельности средств ИКТ</w:t>
            </w:r>
          </w:p>
        </w:tc>
        <w:tc>
          <w:tcPr>
            <w:tcW w:w="2127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В течение года </w:t>
            </w:r>
          </w:p>
        </w:tc>
        <w:tc>
          <w:tcPr>
            <w:tcW w:w="3173" w:type="dxa"/>
          </w:tcPr>
          <w:p w:rsidR="002D4799" w:rsidRPr="00085F16" w:rsidRDefault="002D479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дминистрация</w:t>
            </w:r>
          </w:p>
        </w:tc>
      </w:tr>
    </w:tbl>
    <w:p w:rsidR="006476A3" w:rsidRPr="00085F16" w:rsidRDefault="006476A3" w:rsidP="00085F16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036C93" w:rsidRPr="00085F16" w:rsidRDefault="00036C93" w:rsidP="00085F16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7125AB" w:rsidRPr="00085F16" w:rsidRDefault="007125AB" w:rsidP="00085F16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4E5488" w:rsidRDefault="004E5488" w:rsidP="004E5488">
      <w:pPr>
        <w:pStyle w:val="2"/>
      </w:pPr>
    </w:p>
    <w:p w:rsidR="004E5488" w:rsidRDefault="004E5488" w:rsidP="004E5488">
      <w:pPr>
        <w:rPr>
          <w:lang w:val="en-US"/>
        </w:rPr>
      </w:pPr>
    </w:p>
    <w:p w:rsidR="004E5488" w:rsidRDefault="004E5488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Default="00972921" w:rsidP="004E5488"/>
    <w:p w:rsidR="00972921" w:rsidRPr="00972921" w:rsidRDefault="00972921" w:rsidP="004E5488"/>
    <w:p w:rsidR="005374B6" w:rsidRPr="005374B6" w:rsidRDefault="005374B6" w:rsidP="005374B6"/>
    <w:p w:rsidR="005B1E50" w:rsidRPr="004E5488" w:rsidRDefault="005B1E50" w:rsidP="004E5488">
      <w:pPr>
        <w:pStyle w:val="2"/>
        <w:rPr>
          <w:lang w:val="ru-RU"/>
        </w:rPr>
      </w:pPr>
      <w:bookmarkStart w:id="20" w:name="_Toc120516858"/>
      <w:r w:rsidRPr="004E5488">
        <w:rPr>
          <w:lang w:val="ru-RU"/>
        </w:rPr>
        <w:lastRenderedPageBreak/>
        <w:t>Внутришкольный контроль на 2022-2023 уч. год.</w:t>
      </w:r>
      <w:bookmarkEnd w:id="20"/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5353"/>
        <w:gridCol w:w="1843"/>
        <w:gridCol w:w="2126"/>
        <w:gridCol w:w="21714"/>
      </w:tblGrid>
      <w:tr w:rsidR="005B1E50" w:rsidRPr="00085F16" w:rsidTr="00FF60E1">
        <w:trPr>
          <w:trHeight w:val="690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ероприятия. 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роки.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й</w:t>
            </w:r>
          </w:p>
        </w:tc>
        <w:tc>
          <w:tcPr>
            <w:tcW w:w="217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tabs>
                <w:tab w:val="left" w:pos="459"/>
                <w:tab w:val="left" w:pos="720"/>
                <w:tab w:val="center" w:pos="10749"/>
              </w:tabs>
              <w:ind w:left="-108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ab/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ab/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ab/>
              <w:t>Форма отчета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Сентябрь.</w:t>
      </w:r>
    </w:p>
    <w:tbl>
      <w:tblPr>
        <w:tblW w:w="3103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353"/>
        <w:gridCol w:w="1727"/>
        <w:gridCol w:w="2245"/>
        <w:gridCol w:w="21711"/>
      </w:tblGrid>
      <w:tr w:rsidR="005B1E50" w:rsidRPr="00085F16" w:rsidTr="00FF60E1">
        <w:trPr>
          <w:trHeight w:val="493"/>
        </w:trPr>
        <w:tc>
          <w:tcPr>
            <w:tcW w:w="31036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7C65A1">
            <w:pPr>
              <w:numPr>
                <w:ilvl w:val="0"/>
                <w:numId w:val="21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онные мероприятия.</w:t>
            </w:r>
          </w:p>
        </w:tc>
      </w:tr>
      <w:tr w:rsidR="005B1E50" w:rsidRPr="00085F16" w:rsidTr="00FF60E1">
        <w:trPr>
          <w:trHeight w:val="571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программ, календарно-тематического планирования. Соответствие рабочих программ, календарно – тематического планирования требованиям обновленных  ФГОС (1,5 кл.), новых ФГОС ООО и СОО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03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чие программы.</w:t>
            </w:r>
          </w:p>
        </w:tc>
      </w:tr>
      <w:tr w:rsidR="005B1E50" w:rsidRPr="00085F16" w:rsidTr="00FF60E1">
        <w:trPr>
          <w:trHeight w:val="917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совая система повышения квалификации учителей (составление списка учителей, подлежащих аттестации)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0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исок учителей, подлежащих аттестации.</w:t>
            </w:r>
          </w:p>
        </w:tc>
      </w:tr>
      <w:tr w:rsidR="005B1E50" w:rsidRPr="00085F16" w:rsidTr="00FF60E1">
        <w:trPr>
          <w:trHeight w:val="663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ие плана работы МС, ШМО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20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и ШМО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51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заседания МС, ШМО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9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и ШМО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токол заседания МС, ШМО.</w:t>
            </w:r>
          </w:p>
        </w:tc>
      </w:tr>
      <w:tr w:rsidR="005B1E50" w:rsidRPr="00085F16" w:rsidTr="00FF60E1">
        <w:trPr>
          <w:trHeight w:val="917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графиков контрольных, практических, лабораторных работ, классных часов на 1 полугодие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9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Графики. </w:t>
            </w:r>
          </w:p>
        </w:tc>
      </w:tr>
      <w:tr w:rsidR="005B1E50" w:rsidRPr="00085F16" w:rsidTr="00FF60E1">
        <w:trPr>
          <w:trHeight w:val="917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и корректировка списков по группам, включая ГПД, обновление социального паспорта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9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Контроль за состоянием документации по ТБ, своевременность проведения инструктажа учащихся по ТБ на рабочем месте (физика, химия, информатика)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2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графиков дежурства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05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ВР </w:t>
            </w: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Графики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формление электронных журналов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5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пись в журналах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седание Совета профилактики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30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ВР </w:t>
            </w: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токол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горячего питания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0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й за горячее питание</w:t>
            </w: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еспеченность учебниками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05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едагог – библиотекарь </w:t>
            </w: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сихолого – педагогическая диагностика в первых классах и итоговая комплексная диагностика за первый класс  учащихся вторых классов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7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Школьный психолог, учителя первых, вторых классов.</w:t>
            </w: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езультаты диагностики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ходные контрольные работы (мониторинг успеваемости), корректировка рабочих программ (по мере необходимости)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7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результатов, информация на совещании при директоре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работы учителей на платформе СФЕРУМ (формирование структуры школы, создание новых пользователей, проведение разъяснительной работы)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- учитель информатики.</w:t>
            </w: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Мониторинг и обновление информации на сайте гимназии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новление и проверка базы данных, редактирование данных контингента школы в АИС «Зачисление в ОО»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7.09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 ответственный за АИС</w:t>
            </w: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Корректировка списков обучающихся и детей, проживающих в микрорайоне. 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1192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бные кабинеты. Готовность к началу учебного года.</w:t>
            </w:r>
          </w:p>
        </w:tc>
        <w:tc>
          <w:tcPr>
            <w:tcW w:w="17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01.08.2022г.</w:t>
            </w:r>
          </w:p>
        </w:tc>
        <w:tc>
          <w:tcPr>
            <w:tcW w:w="2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7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Октябрь.</w:t>
      </w:r>
    </w:p>
    <w:tbl>
      <w:tblPr>
        <w:tblW w:w="1094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208"/>
        <w:gridCol w:w="139"/>
        <w:gridCol w:w="1502"/>
        <w:gridCol w:w="2068"/>
        <w:gridCol w:w="2023"/>
      </w:tblGrid>
      <w:tr w:rsidR="005B1E50" w:rsidRPr="00085F16" w:rsidTr="00FF60E1">
        <w:trPr>
          <w:trHeight w:val="503"/>
        </w:trPr>
        <w:tc>
          <w:tcPr>
            <w:tcW w:w="1094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7C65A1">
            <w:pPr>
              <w:numPr>
                <w:ilvl w:val="0"/>
                <w:numId w:val="22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онные мероприятия.</w:t>
            </w:r>
          </w:p>
        </w:tc>
      </w:tr>
      <w:tr w:rsidR="005B1E50" w:rsidRPr="00085F16" w:rsidTr="00FF60E1">
        <w:trPr>
          <w:trHeight w:val="360"/>
        </w:trPr>
        <w:tc>
          <w:tcPr>
            <w:tcW w:w="53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поурочных планов учителей, планов воспитательной работы (выборочно).</w:t>
            </w:r>
          </w:p>
        </w:tc>
        <w:tc>
          <w:tcPr>
            <w:tcW w:w="1647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,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991"/>
        </w:trPr>
        <w:tc>
          <w:tcPr>
            <w:tcW w:w="53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школьных олимпиад.</w:t>
            </w:r>
          </w:p>
        </w:tc>
        <w:tc>
          <w:tcPr>
            <w:tcW w:w="1647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.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- руководители ШМО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991"/>
        </w:trPr>
        <w:tc>
          <w:tcPr>
            <w:tcW w:w="53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, техподдержка и проведение мониторинговых исследований по графику.</w:t>
            </w:r>
          </w:p>
        </w:tc>
        <w:tc>
          <w:tcPr>
            <w:tcW w:w="1647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У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Тех.специалист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677"/>
        </w:trPr>
        <w:tc>
          <w:tcPr>
            <w:tcW w:w="53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еделя родного языка.</w:t>
            </w:r>
          </w:p>
        </w:tc>
        <w:tc>
          <w:tcPr>
            <w:tcW w:w="1647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 15.10.2022г. по 25.10.2022г.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УВР-, Руководитель МО                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61"/>
        </w:trPr>
        <w:tc>
          <w:tcPr>
            <w:tcW w:w="53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Проверка электронных журналов (своевременность записей учителями – предметниками).</w:t>
            </w:r>
          </w:p>
        </w:tc>
        <w:tc>
          <w:tcPr>
            <w:tcW w:w="1647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31.10.2022г.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нформационная справка</w:t>
            </w:r>
          </w:p>
        </w:tc>
      </w:tr>
      <w:tr w:rsidR="005B1E50" w:rsidRPr="00085F16" w:rsidTr="00FF60E1">
        <w:trPr>
          <w:trHeight w:val="461"/>
        </w:trPr>
        <w:tc>
          <w:tcPr>
            <w:tcW w:w="53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работой со слабоуспевающими и условно переведенными в следующий класс учениками.</w:t>
            </w:r>
          </w:p>
        </w:tc>
        <w:tc>
          <w:tcPr>
            <w:tcW w:w="1647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24.10.2022г.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.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График дополнительных занятий</w:t>
            </w:r>
          </w:p>
        </w:tc>
      </w:tr>
      <w:tr w:rsidR="005B1E50" w:rsidRPr="00085F16" w:rsidTr="00FF60E1">
        <w:trPr>
          <w:trHeight w:val="461"/>
        </w:trPr>
        <w:tc>
          <w:tcPr>
            <w:tcW w:w="53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Контроль над сбором информации для базы данных ОГЭ, ЕГЭ </w:t>
            </w:r>
          </w:p>
        </w:tc>
        <w:tc>
          <w:tcPr>
            <w:tcW w:w="1647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31.10.2022г.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нформационная справка</w:t>
            </w:r>
          </w:p>
        </w:tc>
      </w:tr>
      <w:tr w:rsidR="005B1E50" w:rsidRPr="00085F16" w:rsidTr="00FF60E1">
        <w:trPr>
          <w:trHeight w:val="461"/>
        </w:trPr>
        <w:tc>
          <w:tcPr>
            <w:tcW w:w="53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ониторинг организации горячего питания в СП начальная школа. Соблюдение обучающимися правил поведения в столовой </w:t>
            </w:r>
          </w:p>
        </w:tc>
        <w:tc>
          <w:tcPr>
            <w:tcW w:w="1647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й за горячее питание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21"/>
        </w:trPr>
        <w:tc>
          <w:tcPr>
            <w:tcW w:w="1094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7C65A1">
            <w:pPr>
              <w:numPr>
                <w:ilvl w:val="0"/>
                <w:numId w:val="22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Тематические проверки.</w:t>
            </w:r>
          </w:p>
        </w:tc>
      </w:tr>
      <w:tr w:rsidR="005B1E50" w:rsidRPr="00085F16" w:rsidTr="00FF60E1">
        <w:trPr>
          <w:trHeight w:val="70"/>
        </w:trPr>
        <w:tc>
          <w:tcPr>
            <w:tcW w:w="5453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агностика уровня подготовленности учащихся 5-х классов к успешному продолжению обучения в основной школе; система работы учителей, работающих в 5-х классах с тетрадями (преемственность между начальной школой и средним звеном). </w:t>
            </w:r>
          </w:p>
        </w:tc>
        <w:tc>
          <w:tcPr>
            <w:tcW w:w="15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 и ВР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70"/>
        </w:trPr>
        <w:tc>
          <w:tcPr>
            <w:tcW w:w="5453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даптация учащихся первых классов к школьному обучению.</w:t>
            </w:r>
          </w:p>
        </w:tc>
        <w:tc>
          <w:tcPr>
            <w:tcW w:w="15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0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УВР </w:t>
            </w:r>
          </w:p>
        </w:tc>
        <w:tc>
          <w:tcPr>
            <w:tcW w:w="1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Ноябрь.</w:t>
      </w:r>
    </w:p>
    <w:tbl>
      <w:tblPr>
        <w:tblW w:w="1097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271"/>
        <w:gridCol w:w="140"/>
        <w:gridCol w:w="1556"/>
        <w:gridCol w:w="1980"/>
        <w:gridCol w:w="2023"/>
      </w:tblGrid>
      <w:tr w:rsidR="005B1E50" w:rsidRPr="00085F16" w:rsidTr="00FF60E1">
        <w:trPr>
          <w:trHeight w:val="588"/>
        </w:trPr>
        <w:tc>
          <w:tcPr>
            <w:tcW w:w="1097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7C65A1">
            <w:pPr>
              <w:numPr>
                <w:ilvl w:val="0"/>
                <w:numId w:val="23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онные мероприятия.</w:t>
            </w:r>
          </w:p>
        </w:tc>
      </w:tr>
      <w:tr w:rsidR="005B1E50" w:rsidRPr="00085F16" w:rsidTr="00FF60E1">
        <w:trPr>
          <w:trHeight w:val="421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астие в предметных городских олимпиадах.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УВР 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нформационная справка.</w:t>
            </w:r>
          </w:p>
        </w:tc>
      </w:tr>
      <w:tr w:rsidR="005B1E50" w:rsidRPr="00085F16" w:rsidTr="00FF60E1">
        <w:trPr>
          <w:trHeight w:val="421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щешкольные родительские собрания.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3.12.2022г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е руководители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21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седание Совета профилактики. 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</w:t>
            </w:r>
          </w:p>
        </w:tc>
      </w:tr>
      <w:tr w:rsidR="005B1E50" w:rsidRPr="00085F16" w:rsidTr="00FF60E1">
        <w:trPr>
          <w:trHeight w:val="421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еделя английского языка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ледняя неделя ноября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УВР Руководитель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МО                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21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Мониторинг организации горячего питания в СП «Начальная школа»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тветственный за горячее питание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нформационная справка.</w:t>
            </w:r>
          </w:p>
        </w:tc>
      </w:tr>
      <w:tr w:rsidR="005B1E50" w:rsidRPr="00085F16" w:rsidTr="00FF60E1">
        <w:trPr>
          <w:trHeight w:val="1156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школьного заседания МС, ШМО.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ервая неделя ноября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ВР 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токол МО.</w:t>
            </w:r>
          </w:p>
        </w:tc>
      </w:tr>
      <w:tr w:rsidR="005B1E50" w:rsidRPr="00085F16" w:rsidTr="00FF60E1">
        <w:trPr>
          <w:trHeight w:val="1156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электронных журналов (объективность выставления четвертных оценок,  своевременность записей учителями – предметниками).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ервая неделя ноября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 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ая справка.</w:t>
            </w:r>
          </w:p>
        </w:tc>
      </w:tr>
      <w:tr w:rsidR="005B1E50" w:rsidRPr="00085F16" w:rsidTr="00FF60E1">
        <w:trPr>
          <w:trHeight w:val="491"/>
        </w:trPr>
        <w:tc>
          <w:tcPr>
            <w:tcW w:w="1097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7C65A1">
            <w:pPr>
              <w:numPr>
                <w:ilvl w:val="0"/>
                <w:numId w:val="23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Тематические проверки.</w:t>
            </w:r>
          </w:p>
        </w:tc>
      </w:tr>
      <w:tr w:rsidR="005B1E50" w:rsidRPr="00085F16" w:rsidTr="00FF60E1">
        <w:trPr>
          <w:trHeight w:val="1093"/>
        </w:trPr>
        <w:tc>
          <w:tcPr>
            <w:tcW w:w="549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ормирование навыков работы с информацией на уроках  математики, географии и биологии в 6 классах.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49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истема работы учителей физической культуры в 6 классах.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49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навыков грамматики и чтения в 6 классах в рамках подготовки к ОГЭ.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49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истема работы учителей русского языка и литературы истории и обществознания -работающих в 6-х классах.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 и 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49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навыков грамматики в 6 классах (спряжение глагола в настоящем времени).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 курирующий предмет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49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етодика работы над задачей. Использование нестандартных задач на уроках математики во 2-3 классах. 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49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Работа учителей родного языка и литературы по развитию навыков устной речи во 2-х, 3-х классах.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 курирующий предмет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нформационная 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49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филактика экстремизма 7-10 кл.  «Молодежь против экстремизма»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ВР 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Декабрь.</w:t>
      </w:r>
    </w:p>
    <w:tbl>
      <w:tblPr>
        <w:tblW w:w="1097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353"/>
        <w:gridCol w:w="1701"/>
        <w:gridCol w:w="1985"/>
        <w:gridCol w:w="1931"/>
      </w:tblGrid>
      <w:tr w:rsidR="005B1E50" w:rsidRPr="00085F16" w:rsidTr="00FF60E1">
        <w:trPr>
          <w:trHeight w:val="588"/>
        </w:trPr>
        <w:tc>
          <w:tcPr>
            <w:tcW w:w="10970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7C65A1">
            <w:pPr>
              <w:numPr>
                <w:ilvl w:val="0"/>
                <w:numId w:val="24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онные мероприятия.</w:t>
            </w:r>
          </w:p>
        </w:tc>
      </w:tr>
      <w:tr w:rsidR="005B1E50" w:rsidRPr="00085F16" w:rsidTr="00FF60E1">
        <w:trPr>
          <w:trHeight w:val="421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ведения контрольных тетрадей в 1-4, 9, 10, 11 классах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24.12.2022г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 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156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полугодовых  контрольных работ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24.12.2022г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156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и проведение мониторинговых исследований  качества образования, диагностических работ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результатов, информация на совещании при директоре</w:t>
            </w:r>
          </w:p>
        </w:tc>
      </w:tr>
      <w:tr w:rsidR="005B1E50" w:rsidRPr="00085F16" w:rsidTr="00FF60E1">
        <w:trPr>
          <w:trHeight w:val="1156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Вторая психолого – педагогическая диагностика в первых классах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7.12.2022г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Школьный психолог, учителя первых, вторых классов.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езультаты диагностики</w:t>
            </w:r>
          </w:p>
        </w:tc>
      </w:tr>
      <w:tr w:rsidR="005B1E50" w:rsidRPr="00085F16" w:rsidTr="00FF60E1">
        <w:trPr>
          <w:trHeight w:val="1156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еделя русского языка и литературы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ервая неделя декабря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уководитель ШМО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1156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поурочных планов учителей (выборочно)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91"/>
        </w:trPr>
        <w:tc>
          <w:tcPr>
            <w:tcW w:w="10970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7C65A1">
            <w:pPr>
              <w:numPr>
                <w:ilvl w:val="0"/>
                <w:numId w:val="24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Тематические проверки.</w:t>
            </w:r>
          </w:p>
        </w:tc>
      </w:tr>
      <w:tr w:rsidR="005B1E50" w:rsidRPr="00085F16" w:rsidTr="00FF60E1">
        <w:trPr>
          <w:trHeight w:val="1093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Классно-обобщающий контроль в 11-х классах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ВР 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3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авовое – гражданское воспитание учащихся 6-7 кл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</w:tc>
        <w:tc>
          <w:tcPr>
            <w:tcW w:w="1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Январь.</w:t>
      </w:r>
    </w:p>
    <w:tbl>
      <w:tblPr>
        <w:tblW w:w="1113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495"/>
        <w:gridCol w:w="1701"/>
        <w:gridCol w:w="1984"/>
        <w:gridCol w:w="1955"/>
      </w:tblGrid>
      <w:tr w:rsidR="005B1E50" w:rsidRPr="00085F16" w:rsidTr="00FF60E1">
        <w:trPr>
          <w:trHeight w:val="479"/>
        </w:trPr>
        <w:tc>
          <w:tcPr>
            <w:tcW w:w="11135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7C65A1">
            <w:pPr>
              <w:numPr>
                <w:ilvl w:val="0"/>
                <w:numId w:val="25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онные мероприятия.</w:t>
            </w:r>
          </w:p>
        </w:tc>
      </w:tr>
      <w:tr w:rsidR="005B1E50" w:rsidRPr="00085F16" w:rsidTr="00FF60E1">
        <w:trPr>
          <w:trHeight w:val="343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электронных журналов (объективность выставления полугодовых и четвертных оценок)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5.01.2023г.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661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программ, календарно-тематического планирования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5.01.2023г.</w:t>
            </w:r>
          </w:p>
          <w:p w:rsidR="005B1E50" w:rsidRPr="00085F16" w:rsidRDefault="005B1E50" w:rsidP="00085F16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546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графиков контрольных, практических, лабораторных работ, классных часов на 2 полугодие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5.01.2023г.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а по ВР 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График контрольных работ.</w:t>
            </w:r>
          </w:p>
        </w:tc>
      </w:tr>
      <w:tr w:rsidR="005B1E50" w:rsidRPr="00085F16" w:rsidTr="00FF60E1">
        <w:trPr>
          <w:trHeight w:val="438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заседания  МС, ШМО 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 заместитель директора по ВР руководители ШМО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токол заседания.</w:t>
            </w:r>
          </w:p>
        </w:tc>
      </w:tr>
      <w:tr w:rsidR="005B1E50" w:rsidRPr="00085F16" w:rsidTr="00FF60E1">
        <w:trPr>
          <w:trHeight w:val="438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седание Совета профилактики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</w:t>
            </w:r>
          </w:p>
        </w:tc>
      </w:tr>
      <w:tr w:rsidR="005B1E50" w:rsidRPr="00085F16" w:rsidTr="00FF60E1">
        <w:trPr>
          <w:trHeight w:val="438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щешкольные родительские собрания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5.01.2023г.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ые руководители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38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Неделя физико-математических дисциплин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ледняя неделя января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УВР Руководитель МО                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00"/>
        </w:trPr>
        <w:tc>
          <w:tcPr>
            <w:tcW w:w="11135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7C65A1">
            <w:pPr>
              <w:numPr>
                <w:ilvl w:val="0"/>
                <w:numId w:val="25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Тематические проверки.</w:t>
            </w:r>
          </w:p>
        </w:tc>
      </w:tr>
      <w:tr w:rsidR="005B1E50" w:rsidRPr="00085F16" w:rsidTr="00FF60E1">
        <w:trPr>
          <w:trHeight w:val="890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ектная деятельность на уроках математики, физики, биологии  и географии в 7 классах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890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лексико- грамматических навыков в 7- х классах (преобразовать текст)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890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 по итогам проверки преподавания уроков информатики и физической культуры в 7 классах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.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890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лексико- грамматических навыков в 7- х классах (задания в формате ОГЭ)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890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та учителей русского языка и литературы, истории и обществознания в 7 – х классах в рамках подготовки к ВПР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890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иемы работы по предупреждению орфографических ошибок на уроках русского языка во 2-3 классах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Февраль.</w:t>
      </w:r>
    </w:p>
    <w:tbl>
      <w:tblPr>
        <w:tblW w:w="1097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212"/>
        <w:gridCol w:w="1657"/>
        <w:gridCol w:w="1950"/>
        <w:gridCol w:w="2151"/>
      </w:tblGrid>
      <w:tr w:rsidR="005B1E50" w:rsidRPr="00085F16" w:rsidTr="00FF60E1">
        <w:trPr>
          <w:trHeight w:val="588"/>
        </w:trPr>
        <w:tc>
          <w:tcPr>
            <w:tcW w:w="10970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7C65A1">
            <w:pPr>
              <w:numPr>
                <w:ilvl w:val="0"/>
                <w:numId w:val="26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онные мероприятия.</w:t>
            </w:r>
          </w:p>
        </w:tc>
      </w:tr>
      <w:tr w:rsidR="005B1E50" w:rsidRPr="00085F16" w:rsidTr="00FF60E1">
        <w:trPr>
          <w:trHeight w:val="421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ведения контрольных тетрадей в 8 классах (выборочно).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 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ШМО.</w:t>
            </w:r>
          </w:p>
        </w:tc>
      </w:tr>
      <w:tr w:rsidR="005B1E50" w:rsidRPr="00085F16" w:rsidTr="00FF60E1">
        <w:trPr>
          <w:trHeight w:val="421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и проведение мониторинговых исследований  качества образования, диагностических работ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УВР 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результатов, информация на совещании при директоре</w:t>
            </w:r>
          </w:p>
        </w:tc>
      </w:tr>
      <w:tr w:rsidR="005B1E50" w:rsidRPr="00085F16" w:rsidTr="00FF60E1">
        <w:trPr>
          <w:trHeight w:val="421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ведения рабочих тетрадей по во 2-4 классах (выборочно).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УВР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Информация на ШМО.</w:t>
            </w:r>
          </w:p>
        </w:tc>
      </w:tr>
      <w:tr w:rsidR="005B1E50" w:rsidRPr="00085F16" w:rsidTr="00FF60E1">
        <w:trPr>
          <w:trHeight w:val="421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Подготовка и проведение мониторинговых исследований  качества образования, диагностических работ.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.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результатов, информация на совещании при директоре</w:t>
            </w:r>
          </w:p>
        </w:tc>
      </w:tr>
      <w:tr w:rsidR="005B1E50" w:rsidRPr="00085F16" w:rsidTr="00FF60E1">
        <w:trPr>
          <w:trHeight w:val="421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та с контингентом в информационной системе АИС «Зачисление в ОО».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21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еделя истории и обществознания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ледняя неделя февраля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УВР Руководитель МО                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491"/>
        </w:trPr>
        <w:tc>
          <w:tcPr>
            <w:tcW w:w="10970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7C65A1">
            <w:pPr>
              <w:numPr>
                <w:ilvl w:val="0"/>
                <w:numId w:val="26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Тематические проверки.</w:t>
            </w:r>
          </w:p>
        </w:tc>
      </w:tr>
      <w:tr w:rsidR="005B1E50" w:rsidRPr="00085F16" w:rsidTr="00FF60E1">
        <w:trPr>
          <w:trHeight w:val="1093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звитие функциональной граммотности  на уроках математики, географии, физики, химии и биологии в 8 классах в рамках подготовки к ОГЭ.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о- обобщающий контроль (информатика и физическая культура) в 8 классах.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Р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тепени подготовленности обучающихся восьмых классов к промежуточной аттестации (написание электронного письма)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цикла открытых уроков по обмену опытом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.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ная 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истема работы учителей русского языка и литературы,  работающих в 8-х классах, по подготовке учащихся к итоговому устному собеседованию по русскому языку в 9 классе</w:t>
            </w:r>
          </w:p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истема работы учителей истории и обществознания, работающих в 8-х классах.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Классно - предметно- обобщающий контроль состояния преподавания осетинского языка в 8-х классах (проверка навыков монологической речи обучающихся)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иемы работы по предупреждению орфографических ошибок на уроках русского языка в 4-х классах.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.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shd w:val="clear" w:color="auto" w:fill="FFFFFF" w:themeFill="background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3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и проведение мероприятий военно- патриотической направленности 1-11 кл. Внеклассные мероприятия, посвященные Дню защитников Отечества. Анализ участия классов в месячнике оборонно – патриотической работы. Выполнение комплекса мер по патриотическому воспитанию учащихся 2-10 кл.</w:t>
            </w:r>
          </w:p>
        </w:tc>
        <w:tc>
          <w:tcPr>
            <w:tcW w:w="16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196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</w:tc>
        <w:tc>
          <w:tcPr>
            <w:tcW w:w="19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Март.</w:t>
      </w:r>
    </w:p>
    <w:tbl>
      <w:tblPr>
        <w:tblW w:w="1097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101"/>
        <w:gridCol w:w="1661"/>
        <w:gridCol w:w="2185"/>
        <w:gridCol w:w="2023"/>
      </w:tblGrid>
      <w:tr w:rsidR="005B1E50" w:rsidRPr="00085F16" w:rsidTr="00FF60E1">
        <w:trPr>
          <w:trHeight w:val="588"/>
        </w:trPr>
        <w:tc>
          <w:tcPr>
            <w:tcW w:w="10970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7C65A1">
            <w:pPr>
              <w:numPr>
                <w:ilvl w:val="0"/>
                <w:numId w:val="27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онные мероприятия.</w:t>
            </w:r>
          </w:p>
        </w:tc>
      </w:tr>
      <w:tr w:rsidR="005B1E50" w:rsidRPr="00085F16" w:rsidTr="00FF60E1">
        <w:trPr>
          <w:trHeight w:val="421"/>
        </w:trPr>
        <w:tc>
          <w:tcPr>
            <w:tcW w:w="52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ведения тетрадей в 9 классах.</w:t>
            </w:r>
          </w:p>
        </w:tc>
        <w:tc>
          <w:tcPr>
            <w:tcW w:w="16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25.03.2023г.</w:t>
            </w:r>
          </w:p>
        </w:tc>
        <w:tc>
          <w:tcPr>
            <w:tcW w:w="22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ая справка.</w:t>
            </w:r>
          </w:p>
        </w:tc>
      </w:tr>
      <w:tr w:rsidR="005B1E50" w:rsidRPr="00085F16" w:rsidTr="00FF60E1">
        <w:trPr>
          <w:trHeight w:val="1156"/>
        </w:trPr>
        <w:tc>
          <w:tcPr>
            <w:tcW w:w="52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полнение практической части программы по предметам.</w:t>
            </w:r>
          </w:p>
        </w:tc>
        <w:tc>
          <w:tcPr>
            <w:tcW w:w="16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25.03.2023г.</w:t>
            </w:r>
          </w:p>
        </w:tc>
        <w:tc>
          <w:tcPr>
            <w:tcW w:w="22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ая справка.</w:t>
            </w:r>
          </w:p>
        </w:tc>
      </w:tr>
      <w:tr w:rsidR="005B1E50" w:rsidRPr="00085F16" w:rsidTr="00FF60E1">
        <w:trPr>
          <w:trHeight w:val="538"/>
        </w:trPr>
        <w:tc>
          <w:tcPr>
            <w:tcW w:w="52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заседания МС ШМО </w:t>
            </w:r>
          </w:p>
        </w:tc>
        <w:tc>
          <w:tcPr>
            <w:tcW w:w="16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ледняя неделя марта.</w:t>
            </w:r>
          </w:p>
        </w:tc>
        <w:tc>
          <w:tcPr>
            <w:tcW w:w="22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 руководители ШМО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токол заседания.</w:t>
            </w:r>
          </w:p>
        </w:tc>
      </w:tr>
      <w:tr w:rsidR="005B1E50" w:rsidRPr="00085F16" w:rsidTr="00FF60E1">
        <w:trPr>
          <w:trHeight w:val="538"/>
        </w:trPr>
        <w:tc>
          <w:tcPr>
            <w:tcW w:w="52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едметная неделя начальной школы</w:t>
            </w:r>
          </w:p>
        </w:tc>
        <w:tc>
          <w:tcPr>
            <w:tcW w:w="16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торая неделя</w:t>
            </w:r>
          </w:p>
        </w:tc>
        <w:tc>
          <w:tcPr>
            <w:tcW w:w="22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УВР учителя НШ 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ая справка.</w:t>
            </w:r>
          </w:p>
        </w:tc>
      </w:tr>
      <w:tr w:rsidR="005B1E50" w:rsidRPr="00085F16" w:rsidTr="00FF60E1">
        <w:trPr>
          <w:trHeight w:val="491"/>
        </w:trPr>
        <w:tc>
          <w:tcPr>
            <w:tcW w:w="10970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7C65A1">
            <w:pPr>
              <w:numPr>
                <w:ilvl w:val="0"/>
                <w:numId w:val="27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Тематические проверки.</w:t>
            </w:r>
          </w:p>
        </w:tc>
      </w:tr>
      <w:tr w:rsidR="005B1E50" w:rsidRPr="00085F16" w:rsidTr="00FF60E1">
        <w:trPr>
          <w:trHeight w:val="1093"/>
        </w:trPr>
        <w:tc>
          <w:tcPr>
            <w:tcW w:w="52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о-обобщающий контроль в 9-х классах.</w:t>
            </w:r>
          </w:p>
        </w:tc>
        <w:tc>
          <w:tcPr>
            <w:tcW w:w="16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2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 заместитель директора по ВР 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2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Формирование патриотических чувств младших школьников на уроках литературного чтения окружающего мира.</w:t>
            </w:r>
          </w:p>
        </w:tc>
        <w:tc>
          <w:tcPr>
            <w:tcW w:w="16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2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2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филактика правонарушений. Работа по пропаганде ЗОЖ. Использование здоровьесберегающих технологий в воспитательном процессе.(5-11кл.)</w:t>
            </w:r>
          </w:p>
        </w:tc>
        <w:tc>
          <w:tcPr>
            <w:tcW w:w="16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2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Апрель.</w:t>
      </w:r>
    </w:p>
    <w:tbl>
      <w:tblPr>
        <w:tblW w:w="1097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091"/>
        <w:gridCol w:w="1670"/>
        <w:gridCol w:w="2186"/>
        <w:gridCol w:w="2023"/>
      </w:tblGrid>
      <w:tr w:rsidR="005B1E50" w:rsidRPr="00085F16" w:rsidTr="00FF60E1">
        <w:trPr>
          <w:trHeight w:val="588"/>
        </w:trPr>
        <w:tc>
          <w:tcPr>
            <w:tcW w:w="10970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7C65A1">
            <w:pPr>
              <w:numPr>
                <w:ilvl w:val="0"/>
                <w:numId w:val="28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онные мероприятия.</w:t>
            </w:r>
          </w:p>
        </w:tc>
      </w:tr>
      <w:tr w:rsidR="005B1E50" w:rsidRPr="00085F16" w:rsidTr="00FF60E1">
        <w:trPr>
          <w:trHeight w:val="421"/>
        </w:trPr>
        <w:tc>
          <w:tcPr>
            <w:tcW w:w="5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электронных  журналов (организация повторения, прохождение программного материала)</w:t>
            </w:r>
          </w:p>
        </w:tc>
        <w:tc>
          <w:tcPr>
            <w:tcW w:w="1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15.04.2023г.</w:t>
            </w:r>
          </w:p>
        </w:tc>
        <w:tc>
          <w:tcPr>
            <w:tcW w:w="22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ая справка.</w:t>
            </w:r>
          </w:p>
        </w:tc>
      </w:tr>
      <w:tr w:rsidR="005B1E50" w:rsidRPr="00085F16" w:rsidTr="00FF60E1">
        <w:trPr>
          <w:trHeight w:val="1339"/>
        </w:trPr>
        <w:tc>
          <w:tcPr>
            <w:tcW w:w="5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еделя естествознания.</w:t>
            </w:r>
          </w:p>
        </w:tc>
        <w:tc>
          <w:tcPr>
            <w:tcW w:w="1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6.04.2023г. -22.04.2023г.</w:t>
            </w:r>
          </w:p>
        </w:tc>
        <w:tc>
          <w:tcPr>
            <w:tcW w:w="22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ая справка.</w:t>
            </w:r>
          </w:p>
        </w:tc>
      </w:tr>
      <w:tr w:rsidR="005B1E50" w:rsidRPr="00085F16" w:rsidTr="00FF60E1">
        <w:trPr>
          <w:trHeight w:val="1339"/>
        </w:trPr>
        <w:tc>
          <w:tcPr>
            <w:tcW w:w="5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аучно-практическая конференция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«Хетагуровские чтения»</w:t>
            </w:r>
          </w:p>
        </w:tc>
        <w:tc>
          <w:tcPr>
            <w:tcW w:w="1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5.04.2023г.</w:t>
            </w:r>
          </w:p>
        </w:tc>
        <w:tc>
          <w:tcPr>
            <w:tcW w:w="22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,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ая справка.</w:t>
            </w:r>
          </w:p>
        </w:tc>
      </w:tr>
      <w:tr w:rsidR="005B1E50" w:rsidRPr="00085F16" w:rsidTr="00FF60E1">
        <w:trPr>
          <w:trHeight w:val="1339"/>
        </w:trPr>
        <w:tc>
          <w:tcPr>
            <w:tcW w:w="5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годовых  контрольных работ в 9, 11 классах</w:t>
            </w:r>
          </w:p>
        </w:tc>
        <w:tc>
          <w:tcPr>
            <w:tcW w:w="1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7.04.2023г.-22.04.2023г.</w:t>
            </w:r>
          </w:p>
        </w:tc>
        <w:tc>
          <w:tcPr>
            <w:tcW w:w="22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и директора по УВР 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ая справка.</w:t>
            </w:r>
          </w:p>
        </w:tc>
      </w:tr>
      <w:tr w:rsidR="005B1E50" w:rsidRPr="00085F16" w:rsidTr="00FF60E1">
        <w:trPr>
          <w:trHeight w:val="1339"/>
        </w:trPr>
        <w:tc>
          <w:tcPr>
            <w:tcW w:w="5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и проведение мониторинговых исследований  качества образования, диагностических работ.</w:t>
            </w:r>
          </w:p>
        </w:tc>
        <w:tc>
          <w:tcPr>
            <w:tcW w:w="1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</w:t>
            </w:r>
          </w:p>
        </w:tc>
        <w:tc>
          <w:tcPr>
            <w:tcW w:w="22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результатов, информация на совещании при директоре</w:t>
            </w:r>
          </w:p>
        </w:tc>
      </w:tr>
      <w:tr w:rsidR="005B1E50" w:rsidRPr="00085F16" w:rsidTr="00FF60E1">
        <w:trPr>
          <w:trHeight w:val="806"/>
        </w:trPr>
        <w:tc>
          <w:tcPr>
            <w:tcW w:w="5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и утверждение материала по геометрии для 8 класса</w:t>
            </w:r>
          </w:p>
        </w:tc>
        <w:tc>
          <w:tcPr>
            <w:tcW w:w="1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2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руководитель ШМО учителей математики 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онная справка.</w:t>
            </w:r>
          </w:p>
        </w:tc>
      </w:tr>
      <w:tr w:rsidR="005B1E50" w:rsidRPr="00085F16" w:rsidTr="00FF60E1">
        <w:trPr>
          <w:trHeight w:val="806"/>
        </w:trPr>
        <w:tc>
          <w:tcPr>
            <w:tcW w:w="5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седание Совета профилактики </w:t>
            </w:r>
          </w:p>
        </w:tc>
        <w:tc>
          <w:tcPr>
            <w:tcW w:w="1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2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</w:t>
            </w:r>
          </w:p>
        </w:tc>
      </w:tr>
      <w:tr w:rsidR="005B1E50" w:rsidRPr="00085F16" w:rsidTr="00FF60E1">
        <w:trPr>
          <w:trHeight w:val="832"/>
        </w:trPr>
        <w:tc>
          <w:tcPr>
            <w:tcW w:w="10970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7C65A1">
            <w:pPr>
              <w:numPr>
                <w:ilvl w:val="0"/>
                <w:numId w:val="28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Тематические проверки.</w:t>
            </w:r>
          </w:p>
        </w:tc>
      </w:tr>
      <w:tr w:rsidR="005B1E50" w:rsidRPr="00085F16" w:rsidTr="00FF60E1">
        <w:trPr>
          <w:trHeight w:val="1093"/>
        </w:trPr>
        <w:tc>
          <w:tcPr>
            <w:tcW w:w="5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о-обобщающий контроль в 10-х классах со срезовым тестом по материалам ЕГЭ.</w:t>
            </w:r>
          </w:p>
        </w:tc>
        <w:tc>
          <w:tcPr>
            <w:tcW w:w="1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2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  <w:tr w:rsidR="005B1E50" w:rsidRPr="00085F16" w:rsidTr="00FF60E1">
        <w:trPr>
          <w:trHeight w:val="1093"/>
        </w:trPr>
        <w:tc>
          <w:tcPr>
            <w:tcW w:w="52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ассно-обобщающий контроль в 4-х классах со срезовым тестом.</w:t>
            </w:r>
          </w:p>
        </w:tc>
        <w:tc>
          <w:tcPr>
            <w:tcW w:w="1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2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87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Май.</w:t>
      </w:r>
    </w:p>
    <w:tbl>
      <w:tblPr>
        <w:tblW w:w="1089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406"/>
        <w:gridCol w:w="1835"/>
        <w:gridCol w:w="2114"/>
        <w:gridCol w:w="1539"/>
      </w:tblGrid>
      <w:tr w:rsidR="005B1E50" w:rsidRPr="00085F16" w:rsidTr="00FF60E1">
        <w:trPr>
          <w:trHeight w:val="553"/>
        </w:trPr>
        <w:tc>
          <w:tcPr>
            <w:tcW w:w="10894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7C65A1">
            <w:pPr>
              <w:numPr>
                <w:ilvl w:val="0"/>
                <w:numId w:val="29"/>
              </w:num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онные мероприятия.</w:t>
            </w:r>
          </w:p>
        </w:tc>
      </w:tr>
      <w:tr w:rsidR="005B1E50" w:rsidRPr="00085F16" w:rsidTr="00FF60E1">
        <w:trPr>
          <w:trHeight w:val="641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годовых  контрольных работ.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0.05.2022г-21.05.2022г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.</w:t>
            </w:r>
          </w:p>
        </w:tc>
        <w:tc>
          <w:tcPr>
            <w:tcW w:w="14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1029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электронных журналов (прохождение программного материала, объективность выставления годовых и итоговых оценок).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30.05.2022г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4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</w:t>
            </w:r>
          </w:p>
        </w:tc>
      </w:tr>
      <w:tr w:rsidR="005B1E50" w:rsidRPr="00085F16" w:rsidTr="00FF60E1">
        <w:trPr>
          <w:trHeight w:val="744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спределение нагрузки на 2023-2024 уч. год.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в течение  месяца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4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агрузка на 2023-2024г.</w:t>
            </w:r>
          </w:p>
        </w:tc>
      </w:tr>
      <w:tr w:rsidR="005B1E50" w:rsidRPr="00085F16" w:rsidTr="00FF60E1">
        <w:trPr>
          <w:trHeight w:val="744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промежуточной аттестации по геометрии в 8-х классах, по осетинскому языку в 8-х, 10-х классах.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25.05.2023г.-29.05.2023г.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4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744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проведения мероприятий, посвященных Дню осетинского языка.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5.05.2023г.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4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rPr>
          <w:trHeight w:val="744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 мониторинговых исследований  качества образования, диагностических работ.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4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результатов, информация на совещании при директоре</w:t>
            </w:r>
          </w:p>
        </w:tc>
      </w:tr>
      <w:tr w:rsidR="005B1E50" w:rsidRPr="00085F16" w:rsidTr="00FF60E1">
        <w:trPr>
          <w:trHeight w:val="744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«О героях былых времен» проведение мероприятий, посвященных ВОВ, празднику Победы.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 классные руководители 1-11 классов</w:t>
            </w:r>
          </w:p>
        </w:tc>
        <w:tc>
          <w:tcPr>
            <w:tcW w:w="14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</w:t>
            </w:r>
          </w:p>
        </w:tc>
      </w:tr>
      <w:tr w:rsidR="005B1E50" w:rsidRPr="00085F16" w:rsidTr="00FF60E1">
        <w:trPr>
          <w:trHeight w:val="744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праздника «Последний звонок»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 классные руководители 1,9,11 классов</w:t>
            </w:r>
          </w:p>
        </w:tc>
        <w:tc>
          <w:tcPr>
            <w:tcW w:w="14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</w:t>
            </w:r>
          </w:p>
        </w:tc>
      </w:tr>
      <w:tr w:rsidR="005B1E50" w:rsidRPr="00085F16" w:rsidTr="00FF60E1">
        <w:trPr>
          <w:trHeight w:val="744"/>
        </w:trPr>
        <w:tc>
          <w:tcPr>
            <w:tcW w:w="54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внеурочной деятельности обучающихся начальной школы в рамках реализации обновленных ФГОС НОО.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4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правка.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Июнь.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5553"/>
        <w:gridCol w:w="1528"/>
        <w:gridCol w:w="2053"/>
        <w:gridCol w:w="1539"/>
      </w:tblGrid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Контроль над  школьной документацией: электронные журналы, личные дела учащихся.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В течение  месяца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заместитель директора по ВР 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Определение рейтинга учащихся за год согласно программе « Качество образования: механизм реализации образовательных стандартов»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в течение  месяца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Контроль над заполнением аттестатов о среднем  общем образовании: проверка соответствия оценок в журналах, книге выдачи аттестатов, в аттестатах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до 25.06.2023г.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 классные руководители 9,11 классов.</w:t>
            </w:r>
          </w:p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Контроль  за состоянием учебных кабинетов.</w:t>
            </w:r>
          </w:p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Проверка проведения ремонта и подготовки кабинетов к новому учебному году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eastAsia="Times New Roman" w:hAnsi="Times New Roman" w:cs="Times New Roman"/>
                <w:sz w:val="24"/>
                <w:szCs w:val="24"/>
              </w:rPr>
              <w:t>до 25.06.2023г.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бновление и проверка базы данных,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редактирование данных контингента школы в АИС «Зачисление в ОО»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До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30.06.2023г.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Заместитель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директора по УВР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Информация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на совещании при директоре.</w:t>
            </w:r>
          </w:p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Внесение информации в ФИС «Федеральный информационный реестр сведений о документах об образовании и (или) о квалификации, документов об обучении» (выпуск 2022г. – 9,11классы).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о 30.06.2023г.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УВР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.</w:t>
            </w:r>
          </w:p>
        </w:tc>
      </w:tr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заседания МС ШМО 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ледняя неделя июня.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и директора по УВР заместитель директора по ВР руководители ШМО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токол заседания.</w:t>
            </w:r>
          </w:p>
        </w:tc>
      </w:tr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к летнему оздоровительному лагерю.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.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</w:t>
            </w:r>
          </w:p>
        </w:tc>
      </w:tr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праздника «Вручение аттестатов»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</w:t>
            </w:r>
          </w:p>
        </w:tc>
      </w:tr>
      <w:tr w:rsidR="005B1E50" w:rsidRPr="00085F16" w:rsidTr="00FF60E1">
        <w:tc>
          <w:tcPr>
            <w:tcW w:w="5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седание Совета профилактики (годовой отчет)</w:t>
            </w:r>
          </w:p>
        </w:tc>
        <w:tc>
          <w:tcPr>
            <w:tcW w:w="15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месяца</w:t>
            </w:r>
          </w:p>
        </w:tc>
        <w:tc>
          <w:tcPr>
            <w:tcW w:w="20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меститель директора по ВР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B1E50" w:rsidRPr="00085F16" w:rsidRDefault="005B1E50" w:rsidP="00085F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формация на совещании при директоре</w:t>
            </w:r>
          </w:p>
        </w:tc>
      </w:tr>
    </w:tbl>
    <w:p w:rsidR="005B1E50" w:rsidRPr="00085F16" w:rsidRDefault="005B1E50" w:rsidP="00085F16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pStyle w:val="ab"/>
        <w:spacing w:before="71"/>
        <w:ind w:right="2399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pStyle w:val="ab"/>
        <w:spacing w:before="71"/>
        <w:ind w:right="2399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pStyle w:val="ab"/>
        <w:spacing w:before="71"/>
        <w:ind w:right="2399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pStyle w:val="ab"/>
        <w:spacing w:before="71"/>
        <w:ind w:right="2399"/>
        <w:rPr>
          <w:rFonts w:ascii="Times New Roman" w:hAnsi="Times New Roman" w:cs="Times New Roman"/>
          <w:sz w:val="24"/>
          <w:szCs w:val="24"/>
        </w:rPr>
      </w:pPr>
    </w:p>
    <w:p w:rsidR="005B1E50" w:rsidRPr="00085F16" w:rsidRDefault="005B1E50" w:rsidP="00085F16">
      <w:pPr>
        <w:pStyle w:val="ab"/>
        <w:spacing w:before="71"/>
        <w:ind w:right="2399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 w:rsidSect="00153F86">
          <w:footerReference w:type="default" r:id="rId9"/>
          <w:pgSz w:w="11910" w:h="16840"/>
          <w:pgMar w:top="709" w:right="711" w:bottom="0" w:left="340" w:header="720" w:footer="720" w:gutter="0"/>
          <w:pgBorders w:display="firstPage" w:offsetFrom="page">
            <w:top w:val="triple" w:sz="4" w:space="24" w:color="auto"/>
            <w:left w:val="triple" w:sz="4" w:space="24" w:color="auto"/>
            <w:bottom w:val="triple" w:sz="4" w:space="24" w:color="auto"/>
            <w:right w:val="triple" w:sz="4" w:space="24" w:color="auto"/>
          </w:pgBorders>
          <w:cols w:space="720"/>
        </w:sectPr>
      </w:pPr>
    </w:p>
    <w:p w:rsidR="00D967C4" w:rsidRPr="00085F16" w:rsidRDefault="00D967C4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lastRenderedPageBreak/>
        <w:t>Октябрь.</w:t>
      </w:r>
    </w:p>
    <w:p w:rsidR="00D967C4" w:rsidRPr="00085F16" w:rsidRDefault="00D967C4" w:rsidP="00085F16">
      <w:pPr>
        <w:pStyle w:val="ab"/>
        <w:spacing w:before="8" w:after="1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624"/>
        <w:gridCol w:w="1488"/>
        <w:gridCol w:w="2038"/>
        <w:gridCol w:w="1791"/>
      </w:tblGrid>
      <w:tr w:rsidR="00D967C4" w:rsidRPr="00085F16" w:rsidTr="00D967C4">
        <w:trPr>
          <w:trHeight w:val="517"/>
        </w:trPr>
        <w:tc>
          <w:tcPr>
            <w:tcW w:w="10941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821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.</w:t>
            </w:r>
            <w:r w:rsidRPr="00085F16">
              <w:rPr>
                <w:spacing w:val="4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рганизационные</w:t>
            </w:r>
            <w:r w:rsidRPr="00085F16">
              <w:rPr>
                <w:spacing w:val="-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роприятия.</w:t>
            </w:r>
          </w:p>
        </w:tc>
      </w:tr>
      <w:tr w:rsidR="00D967C4" w:rsidRPr="00085F16" w:rsidTr="00D967C4">
        <w:trPr>
          <w:trHeight w:val="3691"/>
        </w:trPr>
        <w:tc>
          <w:tcPr>
            <w:tcW w:w="56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215" w:line="276" w:lineRule="auto"/>
              <w:ind w:left="155" w:right="14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рка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урочных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ланов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ителей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(выборочно).</w:t>
            </w:r>
          </w:p>
        </w:tc>
        <w:tc>
          <w:tcPr>
            <w:tcW w:w="14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</w:tc>
        <w:tc>
          <w:tcPr>
            <w:tcW w:w="20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8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E27CFA" w:rsidRPr="00085F16" w:rsidRDefault="00E27CFA" w:rsidP="00085F16">
            <w:pPr>
              <w:pStyle w:val="TableParagraph"/>
              <w:spacing w:before="37" w:line="276" w:lineRule="auto"/>
              <w:ind w:left="122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;</w:t>
            </w:r>
          </w:p>
          <w:p w:rsidR="00D967C4" w:rsidRPr="00085F16" w:rsidRDefault="00D967C4" w:rsidP="00085F16">
            <w:pPr>
              <w:pStyle w:val="TableParagraph"/>
              <w:spacing w:before="3" w:line="276" w:lineRule="auto"/>
              <w:ind w:left="154" w:right="138" w:hanging="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 xml:space="preserve">директора по ВР </w:t>
            </w:r>
          </w:p>
        </w:tc>
        <w:tc>
          <w:tcPr>
            <w:tcW w:w="17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5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нформация на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овещании пр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е</w:t>
            </w:r>
          </w:p>
        </w:tc>
      </w:tr>
      <w:tr w:rsidR="00D967C4" w:rsidRPr="00085F16" w:rsidTr="00D967C4">
        <w:trPr>
          <w:trHeight w:val="1655"/>
        </w:trPr>
        <w:tc>
          <w:tcPr>
            <w:tcW w:w="56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" w:line="276" w:lineRule="auto"/>
              <w:ind w:left="158" w:right="14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оведение</w:t>
            </w:r>
            <w:r w:rsidRPr="00085F16">
              <w:rPr>
                <w:spacing w:val="-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школьных</w:t>
            </w:r>
            <w:r w:rsidRPr="00085F16">
              <w:rPr>
                <w:spacing w:val="-4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лимпиад.</w:t>
            </w:r>
          </w:p>
        </w:tc>
        <w:tc>
          <w:tcPr>
            <w:tcW w:w="14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графику</w:t>
            </w:r>
          </w:p>
        </w:tc>
        <w:tc>
          <w:tcPr>
            <w:tcW w:w="20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8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E27CFA" w:rsidRPr="00085F16" w:rsidRDefault="00E27CFA" w:rsidP="00085F16">
            <w:pPr>
              <w:pStyle w:val="TableParagraph"/>
              <w:spacing w:before="40" w:line="276" w:lineRule="auto"/>
              <w:ind w:left="122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;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22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ШМО</w:t>
            </w:r>
          </w:p>
        </w:tc>
        <w:tc>
          <w:tcPr>
            <w:tcW w:w="17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5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нформация на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овещании пр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е</w:t>
            </w:r>
          </w:p>
        </w:tc>
      </w:tr>
      <w:tr w:rsidR="00D967C4" w:rsidRPr="00085F16" w:rsidTr="00D967C4">
        <w:trPr>
          <w:trHeight w:val="1072"/>
        </w:trPr>
        <w:tc>
          <w:tcPr>
            <w:tcW w:w="5624" w:type="dxa"/>
          </w:tcPr>
          <w:p w:rsidR="00D967C4" w:rsidRPr="00085F16" w:rsidRDefault="00D967C4" w:rsidP="00085F16">
            <w:pPr>
              <w:pStyle w:val="TableParagraph"/>
              <w:spacing w:before="8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58" w:right="14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еделя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атематики.</w:t>
            </w:r>
          </w:p>
        </w:tc>
        <w:tc>
          <w:tcPr>
            <w:tcW w:w="1488" w:type="dxa"/>
          </w:tcPr>
          <w:p w:rsidR="004F1848" w:rsidRPr="00085F16" w:rsidRDefault="00D967C4" w:rsidP="00085F16">
            <w:pPr>
              <w:pStyle w:val="TableParagraph"/>
              <w:spacing w:line="276" w:lineRule="auto"/>
              <w:ind w:right="154"/>
              <w:rPr>
                <w:spacing w:val="-52"/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</w:rPr>
              <w:t>С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21.10.</w:t>
            </w:r>
            <w:r w:rsidR="004F1848" w:rsidRPr="00085F16">
              <w:rPr>
                <w:sz w:val="24"/>
                <w:szCs w:val="24"/>
                <w:lang w:val="ru-RU"/>
              </w:rPr>
              <w:t>22</w:t>
            </w:r>
            <w:r w:rsidRPr="00085F16">
              <w:rPr>
                <w:sz w:val="24"/>
                <w:szCs w:val="24"/>
              </w:rPr>
              <w:t>г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right="15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</w:t>
            </w:r>
            <w:r w:rsidRPr="00085F16">
              <w:rPr>
                <w:spacing w:val="-1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26.10.</w:t>
            </w:r>
            <w:r w:rsidR="004F1848" w:rsidRPr="00085F16">
              <w:rPr>
                <w:sz w:val="24"/>
                <w:szCs w:val="24"/>
                <w:lang w:val="ru-RU"/>
              </w:rPr>
              <w:t xml:space="preserve">22 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20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30" w:right="136" w:hanging="6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 МО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</w:p>
          <w:p w:rsidR="00E27CFA" w:rsidRPr="00085F16" w:rsidRDefault="00E27CFA" w:rsidP="00085F16">
            <w:pPr>
              <w:pStyle w:val="TableParagraph"/>
              <w:spacing w:line="276" w:lineRule="auto"/>
              <w:ind w:left="230" w:right="136" w:hanging="65"/>
              <w:rPr>
                <w:sz w:val="24"/>
                <w:szCs w:val="24"/>
                <w:lang w:val="ru-RU"/>
              </w:rPr>
            </w:pPr>
          </w:p>
        </w:tc>
        <w:tc>
          <w:tcPr>
            <w:tcW w:w="17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5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нформация на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овещании пр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е</w:t>
            </w:r>
          </w:p>
        </w:tc>
      </w:tr>
      <w:tr w:rsidR="00D967C4" w:rsidRPr="00085F16" w:rsidTr="00D967C4">
        <w:trPr>
          <w:trHeight w:val="2817"/>
        </w:trPr>
        <w:tc>
          <w:tcPr>
            <w:tcW w:w="56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69" w:line="276" w:lineRule="auto"/>
              <w:ind w:left="158" w:right="14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Проверка состояния </w:t>
            </w:r>
            <w:r w:rsidR="00E27CFA" w:rsidRPr="00085F16">
              <w:rPr>
                <w:sz w:val="24"/>
                <w:szCs w:val="24"/>
                <w:lang w:val="ru-RU"/>
              </w:rPr>
              <w:t>эл.</w:t>
            </w:r>
            <w:r w:rsidRPr="00085F16">
              <w:rPr>
                <w:sz w:val="24"/>
                <w:szCs w:val="24"/>
                <w:lang w:val="ru-RU"/>
              </w:rPr>
              <w:t xml:space="preserve"> журналов (соблюдение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единого</w:t>
            </w:r>
            <w:r w:rsidRPr="00085F16">
              <w:rPr>
                <w:spacing w:val="-5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рфографического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ежима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и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формлении</w:t>
            </w:r>
          </w:p>
          <w:p w:rsidR="00D967C4" w:rsidRPr="00085F16" w:rsidRDefault="00D967C4" w:rsidP="00085F16">
            <w:pPr>
              <w:pStyle w:val="TableParagraph"/>
              <w:spacing w:before="1" w:line="276" w:lineRule="auto"/>
              <w:ind w:left="158" w:right="14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журналов классными руководителями, своевременност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записей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ителями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– предметниками).</w:t>
            </w:r>
          </w:p>
        </w:tc>
        <w:tc>
          <w:tcPr>
            <w:tcW w:w="14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5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31.10.</w:t>
            </w:r>
            <w:r w:rsidR="004F1848" w:rsidRPr="00085F16">
              <w:rPr>
                <w:sz w:val="24"/>
                <w:szCs w:val="24"/>
                <w:lang w:val="ru-RU"/>
              </w:rPr>
              <w:t>22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20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8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E27CFA" w:rsidRPr="00085F16" w:rsidRDefault="00E27CFA" w:rsidP="00085F16">
            <w:pPr>
              <w:pStyle w:val="TableParagraph"/>
              <w:spacing w:before="37" w:line="276" w:lineRule="auto"/>
              <w:ind w:left="122" w:right="105"/>
              <w:rPr>
                <w:spacing w:val="-52"/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E27CFA" w:rsidRPr="00085F16" w:rsidRDefault="00E27CFA" w:rsidP="00085F16">
            <w:pPr>
              <w:pStyle w:val="TableParagraph"/>
              <w:spacing w:before="37" w:line="276" w:lineRule="auto"/>
              <w:ind w:left="122" w:right="105"/>
              <w:rPr>
                <w:sz w:val="24"/>
                <w:szCs w:val="24"/>
                <w:lang w:val="ru-RU"/>
              </w:rPr>
            </w:pPr>
          </w:p>
        </w:tc>
        <w:tc>
          <w:tcPr>
            <w:tcW w:w="17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5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</w:t>
            </w:r>
          </w:p>
        </w:tc>
      </w:tr>
      <w:tr w:rsidR="00D967C4" w:rsidRPr="00085F16" w:rsidTr="00D967C4">
        <w:trPr>
          <w:trHeight w:val="1365"/>
        </w:trPr>
        <w:tc>
          <w:tcPr>
            <w:tcW w:w="5624" w:type="dxa"/>
          </w:tcPr>
          <w:p w:rsidR="00D967C4" w:rsidRPr="00085F16" w:rsidRDefault="00D967C4" w:rsidP="00085F16">
            <w:pPr>
              <w:pStyle w:val="TableParagraph"/>
              <w:spacing w:before="10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573" w:right="227" w:hanging="32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онтроль за работой со слабоуспевающими и условно</w:t>
            </w:r>
            <w:r w:rsidRPr="00085F16">
              <w:rPr>
                <w:spacing w:val="-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ереведенными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ледующий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ениками.</w:t>
            </w:r>
          </w:p>
        </w:tc>
        <w:tc>
          <w:tcPr>
            <w:tcW w:w="14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5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27.10.</w:t>
            </w:r>
            <w:r w:rsidR="004F1848" w:rsidRPr="00085F16">
              <w:rPr>
                <w:sz w:val="24"/>
                <w:szCs w:val="24"/>
                <w:lang w:val="ru-RU"/>
              </w:rPr>
              <w:t>22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20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8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22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7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3" w:right="9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График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08" w:right="9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полнительных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занятий</w:t>
            </w:r>
          </w:p>
        </w:tc>
      </w:tr>
      <w:tr w:rsidR="00D967C4" w:rsidRPr="00085F16" w:rsidTr="00D967C4">
        <w:trPr>
          <w:trHeight w:val="1362"/>
        </w:trPr>
        <w:tc>
          <w:tcPr>
            <w:tcW w:w="56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54" w:line="276" w:lineRule="auto"/>
              <w:ind w:left="153" w:right="14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онтроль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за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бором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нформации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ля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базы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ГЭ,ЕГЭ</w:t>
            </w:r>
          </w:p>
        </w:tc>
        <w:tc>
          <w:tcPr>
            <w:tcW w:w="14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17" w:right="248" w:hanging="1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8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22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7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5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нформация на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овещании пр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е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220" w:right="180" w:bottom="0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624"/>
        <w:gridCol w:w="1488"/>
        <w:gridCol w:w="2038"/>
        <w:gridCol w:w="1791"/>
      </w:tblGrid>
      <w:tr w:rsidR="00D967C4" w:rsidRPr="00085F16" w:rsidTr="00D967C4">
        <w:trPr>
          <w:trHeight w:val="2820"/>
        </w:trPr>
        <w:tc>
          <w:tcPr>
            <w:tcW w:w="56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4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66" w:right="253" w:firstLine="51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одготовка и проведение мониторинговых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сследований</w:t>
            </w:r>
            <w:r w:rsidRPr="00085F16">
              <w:rPr>
                <w:spacing w:val="-5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ачества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бразования,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агностических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58" w:right="14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работ,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ВПР</w:t>
            </w:r>
          </w:p>
        </w:tc>
        <w:tc>
          <w:tcPr>
            <w:tcW w:w="14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графику</w:t>
            </w:r>
          </w:p>
        </w:tc>
        <w:tc>
          <w:tcPr>
            <w:tcW w:w="20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8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CB65AC" w:rsidRPr="00085F16" w:rsidRDefault="00CB65AC" w:rsidP="00085F16">
            <w:pPr>
              <w:pStyle w:val="TableParagraph"/>
              <w:spacing w:before="40" w:line="276" w:lineRule="auto"/>
              <w:ind w:left="122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15" w:right="102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7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</w:tc>
      </w:tr>
      <w:tr w:rsidR="00D967C4" w:rsidRPr="00085F16" w:rsidTr="00D967C4">
        <w:trPr>
          <w:trHeight w:val="2236"/>
        </w:trPr>
        <w:tc>
          <w:tcPr>
            <w:tcW w:w="56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69" w:line="276" w:lineRule="auto"/>
              <w:ind w:left="154" w:right="14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одготовка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оведение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традиционных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ней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оста.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54" w:right="14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еделя</w:t>
            </w:r>
            <w:r w:rsidRPr="00085F16">
              <w:rPr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сетинского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языка.</w:t>
            </w:r>
          </w:p>
        </w:tc>
        <w:tc>
          <w:tcPr>
            <w:tcW w:w="14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,</w:t>
            </w:r>
          </w:p>
          <w:p w:rsidR="00D967C4" w:rsidRPr="00085F16" w:rsidRDefault="00D967C4" w:rsidP="00085F16">
            <w:pPr>
              <w:pStyle w:val="TableParagraph"/>
              <w:spacing w:before="194" w:line="276" w:lineRule="auto"/>
              <w:ind w:left="120" w:righ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</w:rPr>
              <w:t>15.10 – 22.10</w:t>
            </w:r>
            <w:r w:rsidR="004F1848" w:rsidRPr="00085F16">
              <w:rPr>
                <w:sz w:val="24"/>
                <w:szCs w:val="24"/>
                <w:lang w:val="ru-RU"/>
              </w:rPr>
              <w:t>.22 г</w:t>
            </w:r>
          </w:p>
        </w:tc>
        <w:tc>
          <w:tcPr>
            <w:tcW w:w="20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22" w:right="5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17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</w:t>
            </w:r>
            <w:r w:rsidR="00CB65AC" w:rsidRPr="00085F16">
              <w:rPr>
                <w:sz w:val="24"/>
                <w:szCs w:val="24"/>
                <w:lang w:val="ru-RU"/>
              </w:rPr>
              <w:t>;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уководитель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ШМО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300" w:right="219" w:hanging="53"/>
              <w:rPr>
                <w:sz w:val="24"/>
                <w:szCs w:val="24"/>
                <w:lang w:val="ru-RU"/>
              </w:rPr>
            </w:pPr>
          </w:p>
        </w:tc>
        <w:tc>
          <w:tcPr>
            <w:tcW w:w="17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5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нформация на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овещании пр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е</w:t>
            </w:r>
          </w:p>
        </w:tc>
      </w:tr>
      <w:tr w:rsidR="00D967C4" w:rsidRPr="00085F16" w:rsidTr="00D967C4">
        <w:trPr>
          <w:trHeight w:val="516"/>
        </w:trPr>
        <w:tc>
          <w:tcPr>
            <w:tcW w:w="10941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22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.</w:t>
            </w:r>
            <w:r w:rsidRPr="00085F16">
              <w:rPr>
                <w:spacing w:val="4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Тематические</w:t>
            </w:r>
            <w:r w:rsidRPr="00085F16">
              <w:rPr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оверки.</w:t>
            </w:r>
          </w:p>
        </w:tc>
      </w:tr>
      <w:tr w:rsidR="00D967C4" w:rsidRPr="00085F16" w:rsidTr="005536E2">
        <w:trPr>
          <w:trHeight w:val="2529"/>
        </w:trPr>
        <w:tc>
          <w:tcPr>
            <w:tcW w:w="562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54" w:right="245" w:firstLine="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Вопросы преемственности. Диагностика уровня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дготовленности учащихся 5-х классов к успешному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одолжению обучения в условиях реализации ФГОС</w:t>
            </w:r>
            <w:r w:rsidRPr="00085F16">
              <w:rPr>
                <w:spacing w:val="-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ОО</w:t>
            </w:r>
          </w:p>
        </w:tc>
        <w:tc>
          <w:tcPr>
            <w:tcW w:w="1488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17" w:right="248" w:hanging="1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38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8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22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79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463"/>
              <w:jc w:val="right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5536E2">
        <w:trPr>
          <w:trHeight w:val="1072"/>
        </w:trPr>
        <w:tc>
          <w:tcPr>
            <w:tcW w:w="562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340" w:right="387" w:hanging="192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Адаптация обучающихся 1-х классов к школьному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бучению</w:t>
            </w:r>
          </w:p>
        </w:tc>
        <w:tc>
          <w:tcPr>
            <w:tcW w:w="1488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17" w:right="248" w:hanging="1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38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7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22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79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463"/>
              <w:jc w:val="right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5536E2">
        <w:trPr>
          <w:trHeight w:val="2817"/>
        </w:trPr>
        <w:tc>
          <w:tcPr>
            <w:tcW w:w="562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640" w:right="286" w:hanging="32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дение контрольных работ по русскому языку 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атематике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за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ервую четверть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о 2-4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</w:t>
            </w:r>
          </w:p>
        </w:tc>
        <w:tc>
          <w:tcPr>
            <w:tcW w:w="1488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17" w:right="248" w:hanging="1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38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7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22" w:right="10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  <w:r w:rsidR="00CB65AC" w:rsidRPr="00085F16">
              <w:rPr>
                <w:sz w:val="24"/>
                <w:szCs w:val="24"/>
                <w:lang w:val="ru-RU"/>
              </w:rPr>
              <w:t>;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</w:p>
          <w:p w:rsidR="00CB65AC" w:rsidRPr="00085F16" w:rsidRDefault="00D967C4" w:rsidP="00085F16">
            <w:pPr>
              <w:pStyle w:val="TableParagraph"/>
              <w:spacing w:line="276" w:lineRule="auto"/>
              <w:ind w:left="168" w:right="15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</w:t>
            </w:r>
            <w:r w:rsidR="00CB65AC" w:rsidRPr="00085F16">
              <w:rPr>
                <w:sz w:val="24"/>
                <w:szCs w:val="24"/>
                <w:lang w:val="ru-RU"/>
              </w:rPr>
              <w:t>и</w:t>
            </w:r>
            <w:r w:rsidR="00CB65AC"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О</w:t>
            </w:r>
            <w:r w:rsidRPr="00085F16">
              <w:rPr>
                <w:spacing w:val="-7"/>
                <w:sz w:val="24"/>
                <w:szCs w:val="24"/>
                <w:lang w:val="ru-RU"/>
              </w:rPr>
              <w:t xml:space="preserve"> 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754"/>
              <w:rPr>
                <w:sz w:val="24"/>
                <w:szCs w:val="24"/>
                <w:lang w:val="ru-RU"/>
              </w:rPr>
            </w:pPr>
          </w:p>
        </w:tc>
        <w:tc>
          <w:tcPr>
            <w:tcW w:w="179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90" w:right="177" w:hanging="1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Результаты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контрольных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работ</w:t>
            </w:r>
            <w:r w:rsidRPr="00085F16">
              <w:rPr>
                <w:spacing w:val="-1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(анализ).</w:t>
            </w:r>
          </w:p>
        </w:tc>
      </w:tr>
    </w:tbl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10"/>
        <w:rPr>
          <w:rFonts w:ascii="Times New Roman" w:hAnsi="Times New Roman" w:cs="Times New Roman"/>
          <w:sz w:val="24"/>
          <w:szCs w:val="24"/>
        </w:rPr>
      </w:pPr>
    </w:p>
    <w:p w:rsidR="005374B6" w:rsidRDefault="005374B6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</w:p>
    <w:p w:rsidR="005374B6" w:rsidRDefault="005374B6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</w:p>
    <w:p w:rsidR="005374B6" w:rsidRDefault="005374B6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</w:p>
    <w:p w:rsidR="005374B6" w:rsidRDefault="005374B6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</w:p>
    <w:p w:rsidR="005374B6" w:rsidRDefault="005374B6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</w:p>
    <w:p w:rsidR="005374B6" w:rsidRDefault="005374B6" w:rsidP="00153F86">
      <w:pPr>
        <w:pStyle w:val="ab"/>
        <w:spacing w:before="86"/>
        <w:ind w:right="2399"/>
        <w:rPr>
          <w:rFonts w:ascii="Times New Roman" w:hAnsi="Times New Roman" w:cs="Times New Roman"/>
          <w:sz w:val="24"/>
          <w:szCs w:val="24"/>
        </w:rPr>
      </w:pPr>
    </w:p>
    <w:p w:rsidR="005374B6" w:rsidRDefault="005374B6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Ноябрь.</w:t>
      </w:r>
    </w:p>
    <w:p w:rsidR="00D967C4" w:rsidRPr="00085F16" w:rsidRDefault="00D967C4" w:rsidP="00085F16">
      <w:pPr>
        <w:pStyle w:val="ab"/>
        <w:spacing w:before="11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965"/>
        <w:gridCol w:w="1526"/>
        <w:gridCol w:w="2093"/>
        <w:gridCol w:w="1387"/>
      </w:tblGrid>
      <w:tr w:rsidR="00D967C4" w:rsidRPr="00085F16" w:rsidTr="00D967C4">
        <w:trPr>
          <w:trHeight w:val="587"/>
        </w:trPr>
        <w:tc>
          <w:tcPr>
            <w:tcW w:w="10971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83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.</w:t>
            </w:r>
            <w:r w:rsidRPr="00085F16">
              <w:rPr>
                <w:spacing w:val="4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рганизационные</w:t>
            </w:r>
            <w:r w:rsidRPr="00085F16">
              <w:rPr>
                <w:spacing w:val="-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роприятия.</w:t>
            </w:r>
          </w:p>
        </w:tc>
      </w:tr>
      <w:tr w:rsidR="00D967C4" w:rsidRPr="00085F16" w:rsidTr="00D967C4">
        <w:trPr>
          <w:trHeight w:val="1655"/>
        </w:trPr>
        <w:tc>
          <w:tcPr>
            <w:tcW w:w="596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0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" w:line="276" w:lineRule="auto"/>
              <w:ind w:left="328" w:right="32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Участие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едметных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городски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лимпиадах.</w:t>
            </w:r>
          </w:p>
        </w:tc>
        <w:tc>
          <w:tcPr>
            <w:tcW w:w="152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1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графику</w:t>
            </w:r>
          </w:p>
        </w:tc>
        <w:tc>
          <w:tcPr>
            <w:tcW w:w="209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44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49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387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586" w:right="77" w:hanging="47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нформация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на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521" w:right="150" w:hanging="34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совещани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21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е</w:t>
            </w:r>
          </w:p>
        </w:tc>
      </w:tr>
    </w:tbl>
    <w:tbl>
      <w:tblPr>
        <w:tblStyle w:val="TableNormal"/>
        <w:tblpPr w:leftFromText="180" w:rightFromText="180" w:vertAnchor="text" w:horzAnchor="margin" w:tblpY="361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965"/>
        <w:gridCol w:w="1526"/>
        <w:gridCol w:w="2093"/>
        <w:gridCol w:w="1387"/>
      </w:tblGrid>
      <w:tr w:rsidR="00153F86" w:rsidRPr="00085F16" w:rsidTr="00153F86">
        <w:trPr>
          <w:trHeight w:val="3691"/>
        </w:trPr>
        <w:tc>
          <w:tcPr>
            <w:tcW w:w="5965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before="215" w:line="276" w:lineRule="auto"/>
              <w:ind w:left="328" w:right="319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оведение</w:t>
            </w:r>
            <w:r w:rsidRPr="00085F16">
              <w:rPr>
                <w:spacing w:val="5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С,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ШМО</w:t>
            </w:r>
          </w:p>
        </w:tc>
        <w:tc>
          <w:tcPr>
            <w:tcW w:w="1526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right="199"/>
              <w:jc w:val="right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графику</w:t>
            </w:r>
          </w:p>
        </w:tc>
        <w:tc>
          <w:tcPr>
            <w:tcW w:w="2093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153F86" w:rsidRPr="00085F16" w:rsidRDefault="00153F86" w:rsidP="00153F86">
            <w:pPr>
              <w:pStyle w:val="TableParagraph"/>
              <w:spacing w:before="40" w:line="276" w:lineRule="auto"/>
              <w:ind w:left="149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>;</w:t>
            </w:r>
          </w:p>
          <w:p w:rsidR="00153F86" w:rsidRPr="00085F16" w:rsidRDefault="00153F86" w:rsidP="00153F86">
            <w:pPr>
              <w:pStyle w:val="TableParagraph"/>
              <w:spacing w:line="276" w:lineRule="auto"/>
              <w:ind w:left="113" w:right="104" w:firstLine="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153F86" w:rsidRPr="00085F16" w:rsidRDefault="00153F86" w:rsidP="00153F86">
            <w:pPr>
              <w:pStyle w:val="TableParagraph"/>
              <w:spacing w:line="276" w:lineRule="auto"/>
              <w:ind w:left="146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директора по ВР </w:t>
            </w:r>
          </w:p>
        </w:tc>
        <w:tc>
          <w:tcPr>
            <w:tcW w:w="1387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06" w:right="229" w:hanging="149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отокол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ШМО</w:t>
            </w:r>
          </w:p>
        </w:tc>
      </w:tr>
      <w:tr w:rsidR="00153F86" w:rsidRPr="00085F16" w:rsidTr="00153F86">
        <w:trPr>
          <w:trHeight w:val="2820"/>
        </w:trPr>
        <w:tc>
          <w:tcPr>
            <w:tcW w:w="5965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before="171" w:line="276" w:lineRule="auto"/>
              <w:ind w:left="328" w:right="31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рка состояния эл.журналов (соблюдение</w:t>
            </w:r>
            <w:r w:rsidRPr="00085F16">
              <w:rPr>
                <w:spacing w:val="-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единого</w:t>
            </w:r>
            <w:r w:rsidRPr="00085F16">
              <w:rPr>
                <w:spacing w:val="-5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рфографического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ежима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и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формлении</w:t>
            </w:r>
          </w:p>
          <w:p w:rsidR="00153F86" w:rsidRPr="00085F16" w:rsidRDefault="00153F86" w:rsidP="00153F86">
            <w:pPr>
              <w:pStyle w:val="TableParagraph"/>
              <w:spacing w:line="276" w:lineRule="auto"/>
              <w:ind w:left="328" w:right="32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журналов классными руководителями, своевременност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записей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ителями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– предметниками).</w:t>
            </w:r>
          </w:p>
        </w:tc>
        <w:tc>
          <w:tcPr>
            <w:tcW w:w="1526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36" w:right="267" w:hanging="1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93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153F86" w:rsidRPr="00085F16" w:rsidRDefault="00153F86" w:rsidP="00153F86">
            <w:pPr>
              <w:pStyle w:val="TableParagraph"/>
              <w:spacing w:before="40" w:line="276" w:lineRule="auto"/>
              <w:ind w:left="149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153F86" w:rsidRPr="00085F16" w:rsidRDefault="00153F86" w:rsidP="00153F86">
            <w:pPr>
              <w:pStyle w:val="TableParagraph"/>
              <w:spacing w:line="276" w:lineRule="auto"/>
              <w:ind w:left="142" w:right="130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387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240" w:right="212" w:firstLine="52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Запись в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журналах</w:t>
            </w:r>
          </w:p>
        </w:tc>
      </w:tr>
      <w:tr w:rsidR="00153F86" w:rsidRPr="00085F16" w:rsidTr="00153F86">
        <w:trPr>
          <w:trHeight w:val="2817"/>
        </w:trPr>
        <w:tc>
          <w:tcPr>
            <w:tcW w:w="5965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before="183" w:line="276" w:lineRule="auto"/>
              <w:ind w:left="554" w:right="249" w:hanging="279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одготовка и проведение мониторинговых исследований</w:t>
            </w:r>
            <w:r w:rsidRPr="00085F16">
              <w:rPr>
                <w:spacing w:val="-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ачества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бразования,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агностически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абот,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ПР</w:t>
            </w:r>
          </w:p>
        </w:tc>
        <w:tc>
          <w:tcPr>
            <w:tcW w:w="1526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right="199"/>
              <w:jc w:val="right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графику</w:t>
            </w:r>
          </w:p>
        </w:tc>
        <w:tc>
          <w:tcPr>
            <w:tcW w:w="2093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153F86" w:rsidRPr="00085F16" w:rsidRDefault="00153F86" w:rsidP="00153F86">
            <w:pPr>
              <w:pStyle w:val="TableParagraph"/>
              <w:spacing w:before="37" w:line="276" w:lineRule="auto"/>
              <w:ind w:left="149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153F86" w:rsidRPr="00085F16" w:rsidRDefault="00153F86" w:rsidP="00153F86">
            <w:pPr>
              <w:pStyle w:val="TableParagraph"/>
              <w:spacing w:line="276" w:lineRule="auto"/>
              <w:ind w:left="142" w:right="129" w:hanging="1"/>
              <w:rPr>
                <w:sz w:val="24"/>
                <w:szCs w:val="24"/>
                <w:lang w:val="ru-RU"/>
              </w:rPr>
            </w:pPr>
          </w:p>
        </w:tc>
        <w:tc>
          <w:tcPr>
            <w:tcW w:w="1387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</w:tc>
      </w:tr>
      <w:tr w:rsidR="00153F86" w:rsidRPr="00085F16" w:rsidTr="00153F86">
        <w:trPr>
          <w:trHeight w:val="1655"/>
        </w:trPr>
        <w:tc>
          <w:tcPr>
            <w:tcW w:w="5965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before="1"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before="1" w:line="276" w:lineRule="auto"/>
              <w:ind w:left="328" w:right="31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еделя математики.</w:t>
            </w:r>
          </w:p>
        </w:tc>
        <w:tc>
          <w:tcPr>
            <w:tcW w:w="1526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36" w:right="232" w:hanging="17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следня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оября</w:t>
            </w:r>
          </w:p>
        </w:tc>
        <w:tc>
          <w:tcPr>
            <w:tcW w:w="2093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99" w:right="165" w:hanging="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 МО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</w:p>
        </w:tc>
        <w:tc>
          <w:tcPr>
            <w:tcW w:w="1387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586" w:right="77" w:hanging="47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нформация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на</w:t>
            </w:r>
          </w:p>
          <w:p w:rsidR="00153F86" w:rsidRPr="00085F16" w:rsidRDefault="00153F86" w:rsidP="00153F86">
            <w:pPr>
              <w:pStyle w:val="TableParagraph"/>
              <w:spacing w:line="276" w:lineRule="auto"/>
              <w:ind w:left="521" w:right="150" w:hanging="34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совещани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и</w:t>
            </w:r>
          </w:p>
          <w:p w:rsidR="00153F86" w:rsidRPr="00085F16" w:rsidRDefault="00153F86" w:rsidP="00153F86">
            <w:pPr>
              <w:pStyle w:val="TableParagraph"/>
              <w:spacing w:line="276" w:lineRule="auto"/>
              <w:ind w:left="21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е</w:t>
            </w:r>
          </w:p>
        </w:tc>
      </w:tr>
      <w:tr w:rsidR="00153F86" w:rsidRPr="00085F16" w:rsidTr="00153F86">
        <w:trPr>
          <w:trHeight w:val="1156"/>
        </w:trPr>
        <w:tc>
          <w:tcPr>
            <w:tcW w:w="5965" w:type="dxa"/>
          </w:tcPr>
          <w:p w:rsidR="00153F86" w:rsidRPr="00085F16" w:rsidRDefault="00153F86" w:rsidP="00153F86">
            <w:pPr>
              <w:pStyle w:val="TableParagraph"/>
              <w:spacing w:before="181" w:line="276" w:lineRule="auto"/>
              <w:ind w:left="2685" w:right="136" w:hanging="252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Мониторинг организации горячего питания в СП начальная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школа</w:t>
            </w:r>
          </w:p>
        </w:tc>
        <w:tc>
          <w:tcPr>
            <w:tcW w:w="1526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36" w:right="267" w:hanging="1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93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2" w:right="120" w:firstLine="9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Моргоева К.А.</w:t>
            </w:r>
          </w:p>
        </w:tc>
        <w:tc>
          <w:tcPr>
            <w:tcW w:w="1387" w:type="dxa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3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</w:t>
            </w:r>
          </w:p>
        </w:tc>
      </w:tr>
    </w:tbl>
    <w:tbl>
      <w:tblPr>
        <w:tblStyle w:val="TableNormal"/>
        <w:tblpPr w:leftFromText="180" w:rightFromText="180" w:vertAnchor="text" w:horzAnchor="margin" w:tblpXSpec="center" w:tblpY="5364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965"/>
        <w:gridCol w:w="1526"/>
        <w:gridCol w:w="2093"/>
        <w:gridCol w:w="1387"/>
      </w:tblGrid>
      <w:tr w:rsidR="00153F86" w:rsidRPr="00085F16" w:rsidTr="00153F86">
        <w:trPr>
          <w:trHeight w:val="517"/>
        </w:trPr>
        <w:tc>
          <w:tcPr>
            <w:tcW w:w="10971" w:type="dxa"/>
            <w:gridSpan w:val="4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239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.</w:t>
            </w:r>
            <w:r w:rsidRPr="00085F16">
              <w:rPr>
                <w:spacing w:val="4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Тематические</w:t>
            </w:r>
            <w:r w:rsidRPr="00085F16">
              <w:rPr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оверки.</w:t>
            </w:r>
          </w:p>
        </w:tc>
      </w:tr>
      <w:tr w:rsidR="00153F86" w:rsidRPr="00085F16" w:rsidTr="00153F86">
        <w:trPr>
          <w:trHeight w:val="1092"/>
        </w:trPr>
        <w:tc>
          <w:tcPr>
            <w:tcW w:w="5965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551" w:right="269" w:hanging="25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спользование технических средств обучения на уроках</w:t>
            </w:r>
            <w:r w:rsidRPr="00085F16">
              <w:rPr>
                <w:spacing w:val="-57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атематики,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географии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 биологи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6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.</w:t>
            </w:r>
          </w:p>
        </w:tc>
        <w:tc>
          <w:tcPr>
            <w:tcW w:w="1526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10" w:right="267" w:hanging="11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93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153F86" w:rsidRPr="00085F16" w:rsidRDefault="00153F86" w:rsidP="00153F86">
            <w:pPr>
              <w:pStyle w:val="TableParagraph"/>
              <w:spacing w:before="37" w:line="276" w:lineRule="auto"/>
              <w:ind w:left="149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387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2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153F86" w:rsidRPr="00085F16" w:rsidTr="00153F86">
        <w:trPr>
          <w:trHeight w:val="1093"/>
        </w:trPr>
        <w:tc>
          <w:tcPr>
            <w:tcW w:w="5965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76" w:right="169" w:hanging="128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Формирование коммуникативных УУД на уроках русского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языка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 литературы в 6 классах.</w:t>
            </w:r>
          </w:p>
        </w:tc>
        <w:tc>
          <w:tcPr>
            <w:tcW w:w="1526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10" w:right="267" w:hanging="11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93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153F86" w:rsidRPr="00085F16" w:rsidRDefault="00153F86" w:rsidP="00153F86">
            <w:pPr>
              <w:pStyle w:val="TableParagraph"/>
              <w:spacing w:before="37" w:line="276" w:lineRule="auto"/>
              <w:ind w:left="149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387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2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153F86" w:rsidRPr="00085F16" w:rsidTr="00153F86">
        <w:trPr>
          <w:trHeight w:val="1093"/>
        </w:trPr>
        <w:tc>
          <w:tcPr>
            <w:tcW w:w="5965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2594" w:right="278" w:hanging="229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ачество преподавания уроков физической культуры в 6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.</w:t>
            </w:r>
          </w:p>
        </w:tc>
        <w:tc>
          <w:tcPr>
            <w:tcW w:w="1526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36" w:right="267" w:hanging="1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93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153F86" w:rsidRPr="00085F16" w:rsidRDefault="00153F86" w:rsidP="00153F86">
            <w:pPr>
              <w:pStyle w:val="TableParagraph"/>
              <w:spacing w:before="37" w:line="276" w:lineRule="auto"/>
              <w:ind w:left="149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</w:t>
            </w:r>
          </w:p>
        </w:tc>
        <w:tc>
          <w:tcPr>
            <w:tcW w:w="1387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2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153F86" w:rsidRPr="00085F16" w:rsidTr="00153F86">
        <w:trPr>
          <w:trHeight w:val="1091"/>
        </w:trPr>
        <w:tc>
          <w:tcPr>
            <w:tcW w:w="5965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605" w:right="221" w:hanging="1359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азвитие логического мышления учащихся 2-3 классов на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рока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атематики по ФГОС</w:t>
            </w:r>
          </w:p>
        </w:tc>
        <w:tc>
          <w:tcPr>
            <w:tcW w:w="1526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10" w:right="267" w:hanging="11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93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153F86" w:rsidRPr="00085F16" w:rsidRDefault="00153F86" w:rsidP="00153F86">
            <w:pPr>
              <w:pStyle w:val="TableParagraph"/>
              <w:spacing w:before="37" w:line="276" w:lineRule="auto"/>
              <w:ind w:left="149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387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2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153F86" w:rsidRPr="00085F16" w:rsidTr="00153F86">
        <w:trPr>
          <w:trHeight w:val="1094"/>
        </w:trPr>
        <w:tc>
          <w:tcPr>
            <w:tcW w:w="5965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735" w:right="249" w:hanging="146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абота учителя по развитию навыков чтения (осетинский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язык)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6-х,2-х,3-х классах</w:t>
            </w:r>
          </w:p>
        </w:tc>
        <w:tc>
          <w:tcPr>
            <w:tcW w:w="1526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36" w:right="267" w:hanging="1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93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153F86" w:rsidRPr="00085F16" w:rsidRDefault="00153F86" w:rsidP="00153F86">
            <w:pPr>
              <w:pStyle w:val="TableParagraph"/>
              <w:spacing w:line="276" w:lineRule="auto"/>
              <w:ind w:left="142" w:right="126" w:firstLine="9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,ВР</w:t>
            </w:r>
          </w:p>
        </w:tc>
        <w:tc>
          <w:tcPr>
            <w:tcW w:w="1387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3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</w:t>
            </w:r>
          </w:p>
        </w:tc>
      </w:tr>
      <w:tr w:rsidR="00153F86" w:rsidRPr="00085F16" w:rsidTr="00153F86">
        <w:trPr>
          <w:trHeight w:val="1091"/>
        </w:trPr>
        <w:tc>
          <w:tcPr>
            <w:tcW w:w="5965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761" w:right="345" w:hanging="139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онтроль навыков грамматики и чтения в 6-х классах в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амка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дготовки к ОГЭ</w:t>
            </w:r>
          </w:p>
        </w:tc>
        <w:tc>
          <w:tcPr>
            <w:tcW w:w="1526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10" w:right="267" w:hanging="11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93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153F86" w:rsidRPr="00085F16" w:rsidRDefault="00153F86" w:rsidP="00153F86">
            <w:pPr>
              <w:pStyle w:val="TableParagraph"/>
              <w:spacing w:before="37" w:line="276" w:lineRule="auto"/>
              <w:ind w:left="149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</w:p>
        </w:tc>
        <w:tc>
          <w:tcPr>
            <w:tcW w:w="1387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2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153F86" w:rsidRPr="00085F16" w:rsidTr="00153F86">
        <w:trPr>
          <w:trHeight w:val="1274"/>
        </w:trPr>
        <w:tc>
          <w:tcPr>
            <w:tcW w:w="5965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2004" w:right="305" w:hanging="169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филактика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экстремизма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7-10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.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«Как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отивостоят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грозе экстремизма»</w:t>
            </w:r>
          </w:p>
        </w:tc>
        <w:tc>
          <w:tcPr>
            <w:tcW w:w="1526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410" w:right="267" w:hanging="11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93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145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153F86" w:rsidRPr="00085F16" w:rsidRDefault="00153F86" w:rsidP="00153F86">
            <w:pPr>
              <w:pStyle w:val="TableParagraph"/>
              <w:spacing w:before="6" w:line="276" w:lineRule="auto"/>
              <w:rPr>
                <w:sz w:val="24"/>
                <w:szCs w:val="24"/>
                <w:lang w:val="ru-RU"/>
              </w:rPr>
            </w:pPr>
          </w:p>
          <w:p w:rsidR="00153F86" w:rsidRPr="00085F16" w:rsidRDefault="00153F86" w:rsidP="00153F86">
            <w:pPr>
              <w:pStyle w:val="TableParagraph"/>
              <w:spacing w:line="276" w:lineRule="auto"/>
              <w:ind w:left="146" w:right="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директора по ВР </w:t>
            </w:r>
          </w:p>
        </w:tc>
        <w:tc>
          <w:tcPr>
            <w:tcW w:w="1387" w:type="dxa"/>
            <w:shd w:val="clear" w:color="auto" w:fill="FFFFFF" w:themeFill="background1"/>
          </w:tcPr>
          <w:p w:rsidR="00153F86" w:rsidRPr="00085F16" w:rsidRDefault="00153F86" w:rsidP="00153F86">
            <w:pPr>
              <w:pStyle w:val="TableParagraph"/>
              <w:spacing w:line="276" w:lineRule="auto"/>
              <w:ind w:left="2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</w:tbl>
    <w:p w:rsidR="00D967C4" w:rsidRDefault="00D967C4" w:rsidP="00085F16">
      <w:pPr>
        <w:rPr>
          <w:rFonts w:ascii="Times New Roman" w:hAnsi="Times New Roman" w:cs="Times New Roman"/>
          <w:sz w:val="24"/>
          <w:szCs w:val="24"/>
        </w:rPr>
      </w:pPr>
    </w:p>
    <w:p w:rsidR="00153F86" w:rsidRDefault="00153F86" w:rsidP="00085F16">
      <w:pPr>
        <w:rPr>
          <w:rFonts w:ascii="Times New Roman" w:hAnsi="Times New Roman" w:cs="Times New Roman"/>
          <w:sz w:val="24"/>
          <w:szCs w:val="24"/>
        </w:rPr>
      </w:pPr>
    </w:p>
    <w:p w:rsidR="00153F86" w:rsidRDefault="00153F86" w:rsidP="00085F16">
      <w:pPr>
        <w:rPr>
          <w:rFonts w:ascii="Times New Roman" w:hAnsi="Times New Roman" w:cs="Times New Roman"/>
          <w:sz w:val="24"/>
          <w:szCs w:val="24"/>
        </w:rPr>
      </w:pPr>
    </w:p>
    <w:p w:rsidR="00153F86" w:rsidRDefault="00153F86" w:rsidP="00085F16">
      <w:pPr>
        <w:rPr>
          <w:rFonts w:ascii="Times New Roman" w:hAnsi="Times New Roman" w:cs="Times New Roman"/>
          <w:sz w:val="24"/>
          <w:szCs w:val="24"/>
        </w:rPr>
      </w:pPr>
    </w:p>
    <w:p w:rsidR="00153F86" w:rsidRDefault="00153F86" w:rsidP="00085F16">
      <w:pPr>
        <w:rPr>
          <w:rFonts w:ascii="Times New Roman" w:hAnsi="Times New Roman" w:cs="Times New Roman"/>
          <w:sz w:val="24"/>
          <w:szCs w:val="24"/>
        </w:rPr>
      </w:pPr>
    </w:p>
    <w:p w:rsidR="00153F86" w:rsidRDefault="00153F86" w:rsidP="00085F16">
      <w:pPr>
        <w:rPr>
          <w:rFonts w:ascii="Times New Roman" w:hAnsi="Times New Roman" w:cs="Times New Roman"/>
          <w:sz w:val="24"/>
          <w:szCs w:val="24"/>
        </w:rPr>
      </w:pPr>
    </w:p>
    <w:p w:rsidR="00153F86" w:rsidRDefault="00153F86" w:rsidP="00085F16">
      <w:pPr>
        <w:rPr>
          <w:rFonts w:ascii="Times New Roman" w:hAnsi="Times New Roman" w:cs="Times New Roman"/>
          <w:sz w:val="24"/>
          <w:szCs w:val="24"/>
        </w:rPr>
      </w:pPr>
    </w:p>
    <w:p w:rsidR="00153F86" w:rsidRDefault="00153F86" w:rsidP="00085F16">
      <w:pPr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Декабрь.</w:t>
      </w:r>
    </w:p>
    <w:p w:rsidR="00D967C4" w:rsidRPr="00085F16" w:rsidRDefault="00D967C4" w:rsidP="00085F16">
      <w:pPr>
        <w:pStyle w:val="ab"/>
        <w:spacing w:before="9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881"/>
        <w:gridCol w:w="1524"/>
        <w:gridCol w:w="2084"/>
        <w:gridCol w:w="1484"/>
      </w:tblGrid>
      <w:tr w:rsidR="00D967C4" w:rsidRPr="00085F16" w:rsidTr="00D967C4">
        <w:trPr>
          <w:trHeight w:val="589"/>
        </w:trPr>
        <w:tc>
          <w:tcPr>
            <w:tcW w:w="10973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97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.</w:t>
            </w:r>
            <w:r w:rsidRPr="00085F16">
              <w:rPr>
                <w:spacing w:val="4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рганизационные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роприятия.</w:t>
            </w:r>
          </w:p>
        </w:tc>
      </w:tr>
      <w:tr w:rsidR="00D967C4" w:rsidRPr="00085F16" w:rsidTr="00D967C4">
        <w:trPr>
          <w:trHeight w:val="2817"/>
        </w:trPr>
        <w:tc>
          <w:tcPr>
            <w:tcW w:w="588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83" w:line="276" w:lineRule="auto"/>
              <w:ind w:left="2251" w:right="147" w:hanging="208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рка состояния ведения контрольных тетрадей по в 9,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10, 11 классах.</w:t>
            </w:r>
          </w:p>
        </w:tc>
        <w:tc>
          <w:tcPr>
            <w:tcW w:w="15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24" w:right="11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25.12.</w:t>
            </w:r>
            <w:r w:rsidR="004F1848" w:rsidRPr="00085F16">
              <w:rPr>
                <w:sz w:val="24"/>
                <w:szCs w:val="24"/>
                <w:lang w:val="ru-RU"/>
              </w:rPr>
              <w:t>22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20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9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CB65AC" w:rsidRPr="00085F16" w:rsidRDefault="00D967C4" w:rsidP="00085F16">
            <w:pPr>
              <w:pStyle w:val="TableParagraph"/>
              <w:spacing w:before="37" w:line="276" w:lineRule="auto"/>
              <w:ind w:left="144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</w:t>
            </w:r>
            <w:r w:rsidR="00CB65AC" w:rsidRPr="00085F16">
              <w:rPr>
                <w:sz w:val="24"/>
                <w:szCs w:val="24"/>
                <w:lang w:val="ru-RU"/>
              </w:rPr>
              <w:t>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36" w:right="127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4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2"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</w:t>
            </w:r>
          </w:p>
        </w:tc>
      </w:tr>
      <w:tr w:rsidR="00D967C4" w:rsidRPr="00085F16" w:rsidTr="00D967C4">
        <w:trPr>
          <w:trHeight w:val="2819"/>
        </w:trPr>
        <w:tc>
          <w:tcPr>
            <w:tcW w:w="588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4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22" w:right="147" w:firstLine="12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одготовка диагностических материалов и проведение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ониторинга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ебных</w:t>
            </w:r>
            <w:r w:rsidRPr="00085F16">
              <w:rPr>
                <w:spacing w:val="-5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остижений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ащихся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2-4,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5-11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,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76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ервое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лугодие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2019-2020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ебного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года.</w:t>
            </w:r>
          </w:p>
        </w:tc>
        <w:tc>
          <w:tcPr>
            <w:tcW w:w="15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24" w:right="11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22.12.</w:t>
            </w:r>
            <w:r w:rsidR="004F1848" w:rsidRPr="00085F16">
              <w:rPr>
                <w:sz w:val="24"/>
                <w:szCs w:val="24"/>
                <w:lang w:val="ru-RU"/>
              </w:rPr>
              <w:t>22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20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9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CB65AC" w:rsidRPr="00085F16" w:rsidRDefault="00CB65AC" w:rsidP="00085F16">
            <w:pPr>
              <w:pStyle w:val="TableParagraph"/>
              <w:spacing w:before="37" w:line="276" w:lineRule="auto"/>
              <w:ind w:left="144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36" w:right="127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4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2"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220" w:right="180" w:bottom="280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881"/>
        <w:gridCol w:w="1524"/>
        <w:gridCol w:w="2084"/>
        <w:gridCol w:w="1484"/>
      </w:tblGrid>
      <w:tr w:rsidR="00D967C4" w:rsidRPr="00085F16" w:rsidTr="00D967C4">
        <w:trPr>
          <w:trHeight w:val="2637"/>
        </w:trPr>
        <w:tc>
          <w:tcPr>
            <w:tcW w:w="588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before="8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413" w:right="4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еделя истории</w:t>
            </w:r>
          </w:p>
        </w:tc>
        <w:tc>
          <w:tcPr>
            <w:tcW w:w="15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44" w:right="403" w:hanging="1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тора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20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CB65AC" w:rsidRPr="00085F16" w:rsidRDefault="00CB65AC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;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</w:t>
            </w:r>
            <w:r w:rsidR="00CB65AC" w:rsidRPr="00085F16">
              <w:rPr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 xml:space="preserve">МО </w:t>
            </w:r>
          </w:p>
        </w:tc>
        <w:tc>
          <w:tcPr>
            <w:tcW w:w="14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2"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</w:t>
            </w:r>
          </w:p>
        </w:tc>
      </w:tr>
      <w:tr w:rsidR="00D967C4" w:rsidRPr="00085F16" w:rsidTr="00D967C4">
        <w:trPr>
          <w:trHeight w:val="1362"/>
        </w:trPr>
        <w:tc>
          <w:tcPr>
            <w:tcW w:w="588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before="154" w:line="276" w:lineRule="auto"/>
              <w:ind w:left="413" w:right="401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еделя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информатики</w:t>
            </w:r>
          </w:p>
        </w:tc>
        <w:tc>
          <w:tcPr>
            <w:tcW w:w="15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44" w:right="397" w:hanging="1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ерва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20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  <w:r w:rsidR="00CB65AC" w:rsidRPr="00085F16">
              <w:rPr>
                <w:sz w:val="24"/>
                <w:szCs w:val="24"/>
                <w:lang w:val="ru-RU"/>
              </w:rPr>
              <w:t>;</w:t>
            </w:r>
          </w:p>
          <w:p w:rsidR="00AA4E56" w:rsidRPr="00085F16" w:rsidRDefault="00AA4E56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</w:p>
          <w:p w:rsidR="00CB65AC" w:rsidRPr="00085F16" w:rsidRDefault="00CB65AC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 МО</w:t>
            </w:r>
          </w:p>
        </w:tc>
        <w:tc>
          <w:tcPr>
            <w:tcW w:w="14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2"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</w:t>
            </w:r>
          </w:p>
        </w:tc>
      </w:tr>
      <w:tr w:rsidR="00D967C4" w:rsidRPr="00085F16" w:rsidTr="00D967C4">
        <w:trPr>
          <w:trHeight w:val="2145"/>
        </w:trPr>
        <w:tc>
          <w:tcPr>
            <w:tcW w:w="588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before="5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413" w:right="40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еделя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английского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языка</w:t>
            </w:r>
          </w:p>
        </w:tc>
        <w:tc>
          <w:tcPr>
            <w:tcW w:w="15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44" w:right="413" w:hanging="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Треть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20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AA4E56" w:rsidRPr="00085F16" w:rsidRDefault="00D967C4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  <w:r w:rsidR="00CB65AC" w:rsidRPr="00085F16">
              <w:rPr>
                <w:sz w:val="24"/>
                <w:szCs w:val="24"/>
                <w:lang w:val="ru-RU"/>
              </w:rPr>
              <w:t xml:space="preserve">; </w:t>
            </w:r>
          </w:p>
          <w:p w:rsidR="00AA4E56" w:rsidRPr="00085F16" w:rsidRDefault="00AA4E56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</w:t>
            </w:r>
            <w:r w:rsidR="00CB65AC" w:rsidRPr="00085F16">
              <w:rPr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 xml:space="preserve">МО </w:t>
            </w:r>
          </w:p>
        </w:tc>
        <w:tc>
          <w:tcPr>
            <w:tcW w:w="14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2"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</w:t>
            </w:r>
          </w:p>
        </w:tc>
      </w:tr>
      <w:tr w:rsidR="00D967C4" w:rsidRPr="00085F16" w:rsidTr="00D967C4">
        <w:trPr>
          <w:trHeight w:val="1764"/>
        </w:trPr>
        <w:tc>
          <w:tcPr>
            <w:tcW w:w="588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207" w:line="276" w:lineRule="auto"/>
              <w:ind w:left="251" w:right="23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одготовка и проведение тематических уроков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нформатики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амках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сероссийской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акции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«Час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ода»</w:t>
            </w:r>
          </w:p>
        </w:tc>
        <w:tc>
          <w:tcPr>
            <w:tcW w:w="15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44" w:right="397" w:hanging="1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ерва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20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4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44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4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2"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</w:t>
            </w:r>
          </w:p>
        </w:tc>
      </w:tr>
      <w:tr w:rsidR="00D967C4" w:rsidRPr="00085F16" w:rsidTr="00D967C4">
        <w:trPr>
          <w:trHeight w:val="2817"/>
        </w:trPr>
        <w:tc>
          <w:tcPr>
            <w:tcW w:w="588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7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413" w:right="40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рка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урочных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ланов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ителей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(выборочно).</w:t>
            </w:r>
          </w:p>
        </w:tc>
        <w:tc>
          <w:tcPr>
            <w:tcW w:w="15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</w:tc>
        <w:tc>
          <w:tcPr>
            <w:tcW w:w="20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9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AA4E56" w:rsidRPr="00085F16" w:rsidRDefault="00AA4E56" w:rsidP="00085F16">
            <w:pPr>
              <w:pStyle w:val="TableParagraph"/>
              <w:spacing w:before="37" w:line="276" w:lineRule="auto"/>
              <w:ind w:left="144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;</w:t>
            </w:r>
          </w:p>
          <w:p w:rsidR="00AA4E56" w:rsidRPr="00085F16" w:rsidRDefault="00AA4E56" w:rsidP="00085F16">
            <w:pPr>
              <w:pStyle w:val="TableParagraph"/>
              <w:spacing w:line="276" w:lineRule="auto"/>
              <w:ind w:left="139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AA4E56" w:rsidRPr="00085F16" w:rsidRDefault="00AA4E56" w:rsidP="00085F16">
            <w:pPr>
              <w:pStyle w:val="TableParagraph"/>
              <w:spacing w:before="37" w:line="276" w:lineRule="auto"/>
              <w:ind w:left="144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.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36" w:right="127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4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нформация,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овещание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2" w:right="9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е</w:t>
            </w:r>
          </w:p>
        </w:tc>
      </w:tr>
      <w:tr w:rsidR="00D967C4" w:rsidRPr="00085F16" w:rsidTr="00D967C4">
        <w:trPr>
          <w:trHeight w:val="1362"/>
        </w:trPr>
        <w:tc>
          <w:tcPr>
            <w:tcW w:w="5881" w:type="dxa"/>
          </w:tcPr>
          <w:p w:rsidR="00D967C4" w:rsidRPr="00085F16" w:rsidRDefault="00D967C4" w:rsidP="00085F16">
            <w:pPr>
              <w:pStyle w:val="TableParagraph"/>
              <w:spacing w:before="8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580" w:right="418" w:hanging="21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Вторая психолого- педагогическая диагностика в 1-х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</w:t>
            </w:r>
          </w:p>
        </w:tc>
        <w:tc>
          <w:tcPr>
            <w:tcW w:w="152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28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о 21.12.</w:t>
            </w:r>
            <w:r w:rsidR="004F1848" w:rsidRPr="00085F16">
              <w:rPr>
                <w:sz w:val="24"/>
                <w:szCs w:val="24"/>
                <w:lang w:val="ru-RU"/>
              </w:rPr>
              <w:t>22</w:t>
            </w:r>
            <w:r w:rsidRPr="00085F16">
              <w:rPr>
                <w:sz w:val="24"/>
                <w:szCs w:val="24"/>
                <w:lang w:val="ru-RU"/>
              </w:rPr>
              <w:t>г.</w:t>
            </w:r>
          </w:p>
        </w:tc>
        <w:tc>
          <w:tcPr>
            <w:tcW w:w="20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609" w:right="350" w:hanging="23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  <w:lang w:val="ru-RU"/>
              </w:rPr>
              <w:t>пс</w:t>
            </w:r>
            <w:r w:rsidRPr="00085F16">
              <w:rPr>
                <w:sz w:val="24"/>
                <w:szCs w:val="24"/>
              </w:rPr>
              <w:t>ихолог</w:t>
            </w:r>
          </w:p>
        </w:tc>
        <w:tc>
          <w:tcPr>
            <w:tcW w:w="14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2" w:right="9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</w:t>
            </w:r>
          </w:p>
        </w:tc>
      </w:tr>
      <w:tr w:rsidR="00D967C4" w:rsidRPr="00085F16" w:rsidTr="00D967C4">
        <w:trPr>
          <w:trHeight w:val="510"/>
        </w:trPr>
        <w:tc>
          <w:tcPr>
            <w:tcW w:w="10973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3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.</w:t>
            </w:r>
            <w:r w:rsidRPr="00085F16">
              <w:rPr>
                <w:spacing w:val="46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Тематические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оверки.</w:t>
            </w:r>
          </w:p>
        </w:tc>
      </w:tr>
      <w:tr w:rsidR="00D967C4" w:rsidRPr="00085F16" w:rsidTr="0018306F">
        <w:trPr>
          <w:trHeight w:val="1473"/>
        </w:trPr>
        <w:tc>
          <w:tcPr>
            <w:tcW w:w="588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85" w:right="137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лассно-обобщающий контроль: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11классы.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413" w:right="40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Состояние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готовности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ащихся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11-х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ов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ГИА.</w:t>
            </w:r>
          </w:p>
        </w:tc>
        <w:tc>
          <w:tcPr>
            <w:tcW w:w="152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08" w:right="265" w:hanging="11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9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44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  <w:r w:rsidR="00AA4E56" w:rsidRPr="00085F16">
              <w:rPr>
                <w:sz w:val="24"/>
                <w:szCs w:val="24"/>
                <w:lang w:val="ru-RU"/>
              </w:rPr>
              <w:t>;</w:t>
            </w:r>
          </w:p>
          <w:p w:rsidR="00AA4E56" w:rsidRPr="00085F16" w:rsidRDefault="00AA4E56" w:rsidP="00085F16">
            <w:pPr>
              <w:pStyle w:val="TableParagraph"/>
              <w:spacing w:before="37" w:line="276" w:lineRule="auto"/>
              <w:ind w:left="144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а по ВР</w:t>
            </w:r>
          </w:p>
        </w:tc>
        <w:tc>
          <w:tcPr>
            <w:tcW w:w="148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2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 w:rsidSect="00AA4E56">
          <w:pgSz w:w="11910" w:h="16840"/>
          <w:pgMar w:top="220" w:right="180" w:bottom="35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881"/>
        <w:gridCol w:w="1524"/>
        <w:gridCol w:w="2084"/>
        <w:gridCol w:w="1484"/>
      </w:tblGrid>
      <w:tr w:rsidR="00D967C4" w:rsidRPr="00085F16" w:rsidTr="0018306F">
        <w:trPr>
          <w:trHeight w:val="1094"/>
        </w:trPr>
        <w:tc>
          <w:tcPr>
            <w:tcW w:w="588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48" w:right="139" w:firstLine="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lastRenderedPageBreak/>
              <w:t>Разноуровневые задания на уроках математики в 4 –х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,</w:t>
            </w:r>
            <w:r w:rsidRPr="00085F16">
              <w:rPr>
                <w:spacing w:val="-6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ак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редство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вышения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эффективности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бучения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ериод подготовки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 ВПР</w:t>
            </w:r>
          </w:p>
        </w:tc>
        <w:tc>
          <w:tcPr>
            <w:tcW w:w="152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08" w:right="265" w:hanging="11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40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44" w:right="1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-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аракаева А.Э.</w:t>
            </w:r>
          </w:p>
        </w:tc>
        <w:tc>
          <w:tcPr>
            <w:tcW w:w="148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2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</w:tbl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86"/>
        <w:ind w:left="2238" w:right="2397"/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Январь.</w:t>
      </w:r>
    </w:p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6030"/>
        <w:gridCol w:w="1550"/>
        <w:gridCol w:w="2103"/>
        <w:gridCol w:w="1455"/>
      </w:tblGrid>
      <w:tr w:rsidR="00D967C4" w:rsidRPr="00085F16" w:rsidTr="00D967C4">
        <w:trPr>
          <w:trHeight w:val="509"/>
        </w:trPr>
        <w:tc>
          <w:tcPr>
            <w:tcW w:w="11138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059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.</w:t>
            </w:r>
            <w:r w:rsidRPr="00085F16">
              <w:rPr>
                <w:spacing w:val="4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рганизационные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роприятия.</w:t>
            </w:r>
          </w:p>
        </w:tc>
      </w:tr>
      <w:tr w:rsidR="00D967C4" w:rsidRPr="00085F16" w:rsidTr="00D967C4">
        <w:trPr>
          <w:trHeight w:val="2819"/>
        </w:trPr>
        <w:tc>
          <w:tcPr>
            <w:tcW w:w="603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85" w:line="276" w:lineRule="auto"/>
              <w:ind w:left="695" w:right="332" w:hanging="34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Проверка состояния </w:t>
            </w:r>
            <w:r w:rsidR="00AA4E56" w:rsidRPr="00085F16">
              <w:rPr>
                <w:sz w:val="24"/>
                <w:szCs w:val="24"/>
                <w:lang w:val="ru-RU"/>
              </w:rPr>
              <w:t>эл.</w:t>
            </w:r>
            <w:r w:rsidRPr="00085F16">
              <w:rPr>
                <w:sz w:val="24"/>
                <w:szCs w:val="24"/>
                <w:lang w:val="ru-RU"/>
              </w:rPr>
              <w:t xml:space="preserve"> журналов (объективност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ыставления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лугодовы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 четвертны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ценок).</w:t>
            </w:r>
          </w:p>
        </w:tc>
        <w:tc>
          <w:tcPr>
            <w:tcW w:w="155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147"/>
              <w:jc w:val="right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о 15.01.20г.</w:t>
            </w:r>
          </w:p>
        </w:tc>
        <w:tc>
          <w:tcPr>
            <w:tcW w:w="210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AA4E56" w:rsidRPr="00085F16" w:rsidRDefault="00D967C4" w:rsidP="00085F16">
            <w:pPr>
              <w:pStyle w:val="TableParagraph"/>
              <w:spacing w:before="40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</w:t>
            </w:r>
            <w:r w:rsidR="00AA4E56" w:rsidRPr="00085F16">
              <w:rPr>
                <w:sz w:val="24"/>
                <w:szCs w:val="24"/>
                <w:lang w:val="ru-RU"/>
              </w:rPr>
              <w:t>ректора п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49" w:right="133" w:hanging="4"/>
              <w:rPr>
                <w:sz w:val="24"/>
                <w:szCs w:val="24"/>
                <w:lang w:val="ru-RU"/>
              </w:rPr>
            </w:pPr>
          </w:p>
        </w:tc>
        <w:tc>
          <w:tcPr>
            <w:tcW w:w="145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6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справка</w:t>
            </w:r>
          </w:p>
        </w:tc>
      </w:tr>
      <w:tr w:rsidR="00D967C4" w:rsidRPr="00085F16" w:rsidTr="00D967C4">
        <w:trPr>
          <w:trHeight w:val="2817"/>
        </w:trPr>
        <w:tc>
          <w:tcPr>
            <w:tcW w:w="603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83" w:line="276" w:lineRule="auto"/>
              <w:ind w:left="2328" w:right="739" w:hanging="156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онтроль программ, календарно-тематического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ланирования.</w:t>
            </w:r>
          </w:p>
        </w:tc>
        <w:tc>
          <w:tcPr>
            <w:tcW w:w="155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147"/>
              <w:jc w:val="right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  <w:lang w:val="ru-RU"/>
              </w:rPr>
              <w:t>До 15.01.</w:t>
            </w:r>
            <w:r w:rsidR="004F1848" w:rsidRPr="00085F16">
              <w:rPr>
                <w:sz w:val="24"/>
                <w:szCs w:val="24"/>
                <w:lang w:val="ru-RU"/>
              </w:rPr>
              <w:t>23</w:t>
            </w:r>
            <w:r w:rsidRPr="00085F16">
              <w:rPr>
                <w:sz w:val="24"/>
                <w:szCs w:val="24"/>
                <w:lang w:val="ru-RU"/>
              </w:rPr>
              <w:t>г</w:t>
            </w:r>
            <w:r w:rsidRPr="00085F16">
              <w:rPr>
                <w:sz w:val="24"/>
                <w:szCs w:val="24"/>
              </w:rPr>
              <w:t>.</w:t>
            </w:r>
          </w:p>
        </w:tc>
        <w:tc>
          <w:tcPr>
            <w:tcW w:w="210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AA4E56" w:rsidRPr="00085F16" w:rsidRDefault="00AA4E56" w:rsidP="00085F16">
            <w:pPr>
              <w:pStyle w:val="TableParagraph"/>
              <w:spacing w:before="37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49" w:right="133" w:hanging="4"/>
              <w:rPr>
                <w:sz w:val="24"/>
                <w:szCs w:val="24"/>
                <w:lang w:val="ru-RU"/>
              </w:rPr>
            </w:pPr>
          </w:p>
        </w:tc>
        <w:tc>
          <w:tcPr>
            <w:tcW w:w="145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6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</w:t>
            </w:r>
          </w:p>
        </w:tc>
      </w:tr>
      <w:tr w:rsidR="00D967C4" w:rsidRPr="00085F16" w:rsidTr="00D967C4">
        <w:trPr>
          <w:trHeight w:val="2820"/>
        </w:trPr>
        <w:tc>
          <w:tcPr>
            <w:tcW w:w="603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85" w:line="276" w:lineRule="auto"/>
              <w:ind w:left="1298" w:right="553" w:hanging="72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Составление графиков контрольных, практических,</w:t>
            </w:r>
            <w:r w:rsidRPr="00085F16">
              <w:rPr>
                <w:spacing w:val="-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лабораторных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абот на 2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лугодие.</w:t>
            </w:r>
          </w:p>
        </w:tc>
        <w:tc>
          <w:tcPr>
            <w:tcW w:w="155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147"/>
              <w:jc w:val="right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15.01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.</w:t>
            </w:r>
          </w:p>
        </w:tc>
        <w:tc>
          <w:tcPr>
            <w:tcW w:w="210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AA4E56" w:rsidRPr="00085F16" w:rsidRDefault="00AA4E56" w:rsidP="00085F16">
            <w:pPr>
              <w:pStyle w:val="TableParagraph"/>
              <w:spacing w:before="40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AA4E56" w:rsidRPr="00085F16" w:rsidRDefault="00AA4E56" w:rsidP="00085F16">
            <w:pPr>
              <w:pStyle w:val="TableParagraph"/>
              <w:spacing w:before="40" w:line="276" w:lineRule="auto"/>
              <w:ind w:left="125" w:right="106"/>
              <w:rPr>
                <w:sz w:val="24"/>
                <w:szCs w:val="24"/>
                <w:lang w:val="ru-RU"/>
              </w:rPr>
            </w:pPr>
          </w:p>
          <w:p w:rsidR="00AA4E56" w:rsidRPr="00085F16" w:rsidRDefault="00AA4E56" w:rsidP="00085F16">
            <w:pPr>
              <w:pStyle w:val="TableParagraph"/>
              <w:spacing w:before="40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и МО</w:t>
            </w:r>
          </w:p>
          <w:p w:rsidR="00AA4E56" w:rsidRPr="00085F16" w:rsidRDefault="00AA4E56" w:rsidP="00085F16">
            <w:pPr>
              <w:pStyle w:val="TableParagraph"/>
              <w:spacing w:before="40" w:line="276" w:lineRule="auto"/>
              <w:ind w:left="125" w:right="106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49" w:right="133" w:hanging="4"/>
              <w:rPr>
                <w:sz w:val="24"/>
                <w:szCs w:val="24"/>
                <w:lang w:val="ru-RU"/>
              </w:rPr>
            </w:pPr>
          </w:p>
        </w:tc>
        <w:tc>
          <w:tcPr>
            <w:tcW w:w="145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 w:right="96" w:hanging="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график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контрольных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работ</w:t>
            </w:r>
          </w:p>
        </w:tc>
      </w:tr>
      <w:tr w:rsidR="00D967C4" w:rsidRPr="00085F16" w:rsidTr="00D967C4">
        <w:trPr>
          <w:trHeight w:val="2327"/>
        </w:trPr>
        <w:tc>
          <w:tcPr>
            <w:tcW w:w="603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214" w:line="276" w:lineRule="auto"/>
              <w:ind w:left="1848" w:right="250" w:hanging="159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зучение результативности обучения за первое полугодие</w:t>
            </w:r>
            <w:r w:rsidRPr="00085F16">
              <w:rPr>
                <w:spacing w:val="-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20</w:t>
            </w:r>
            <w:r w:rsidR="00AA4E56" w:rsidRPr="00085F16">
              <w:rPr>
                <w:sz w:val="24"/>
                <w:szCs w:val="24"/>
                <w:lang w:val="ru-RU"/>
              </w:rPr>
              <w:t>22</w:t>
            </w:r>
            <w:r w:rsidRPr="00085F16">
              <w:rPr>
                <w:sz w:val="24"/>
                <w:szCs w:val="24"/>
                <w:lang w:val="ru-RU"/>
              </w:rPr>
              <w:t>-202</w:t>
            </w:r>
            <w:r w:rsidR="00AA4E56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ебного года</w:t>
            </w:r>
          </w:p>
        </w:tc>
        <w:tc>
          <w:tcPr>
            <w:tcW w:w="155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56" w:right="414" w:hanging="12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тора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210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AA4E56" w:rsidRPr="00085F16" w:rsidRDefault="00AA4E56" w:rsidP="00085F16">
            <w:pPr>
              <w:pStyle w:val="TableParagraph"/>
              <w:spacing w:before="37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D967C4" w:rsidRPr="00085F16" w:rsidRDefault="00D967C4" w:rsidP="00085F16">
            <w:pPr>
              <w:pStyle w:val="TableParagraph"/>
              <w:spacing w:before="38" w:line="276" w:lineRule="auto"/>
              <w:ind w:left="118" w:right="106"/>
              <w:rPr>
                <w:sz w:val="24"/>
                <w:szCs w:val="24"/>
                <w:lang w:val="ru-RU"/>
              </w:rPr>
            </w:pPr>
          </w:p>
        </w:tc>
        <w:tc>
          <w:tcPr>
            <w:tcW w:w="145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81" w:right="256" w:firstLine="2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,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едсовет.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 w:rsidSect="00AA4E56">
          <w:pgSz w:w="11910" w:h="16840"/>
          <w:pgMar w:top="567" w:right="180" w:bottom="0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6030"/>
        <w:gridCol w:w="1550"/>
        <w:gridCol w:w="2103"/>
        <w:gridCol w:w="1455"/>
      </w:tblGrid>
      <w:tr w:rsidR="00D967C4" w:rsidRPr="00085F16" w:rsidTr="00D967C4">
        <w:trPr>
          <w:trHeight w:val="546"/>
        </w:trPr>
        <w:tc>
          <w:tcPr>
            <w:tcW w:w="603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155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210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49"/>
              <w:rPr>
                <w:sz w:val="24"/>
                <w:szCs w:val="24"/>
              </w:rPr>
            </w:pPr>
          </w:p>
        </w:tc>
        <w:tc>
          <w:tcPr>
            <w:tcW w:w="145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</w:tr>
      <w:tr w:rsidR="00D967C4" w:rsidRPr="00085F16" w:rsidTr="00D967C4">
        <w:trPr>
          <w:trHeight w:val="2817"/>
        </w:trPr>
        <w:tc>
          <w:tcPr>
            <w:tcW w:w="603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before="8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24" w:right="21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оведение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заседания</w:t>
            </w:r>
            <w:r w:rsidRPr="00085F16">
              <w:rPr>
                <w:spacing w:val="-4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С,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ШМО</w:t>
            </w:r>
          </w:p>
        </w:tc>
        <w:tc>
          <w:tcPr>
            <w:tcW w:w="155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56" w:right="414" w:hanging="12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тора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210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AA4E56" w:rsidRPr="00085F16" w:rsidRDefault="00AA4E56" w:rsidP="00085F16">
            <w:pPr>
              <w:pStyle w:val="TableParagraph"/>
              <w:spacing w:before="37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49" w:right="133" w:hanging="4"/>
              <w:rPr>
                <w:sz w:val="24"/>
                <w:szCs w:val="24"/>
                <w:lang w:val="ru-RU"/>
              </w:rPr>
            </w:pPr>
          </w:p>
        </w:tc>
        <w:tc>
          <w:tcPr>
            <w:tcW w:w="145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61" w:right="237" w:firstLine="2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отокол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заседания</w:t>
            </w:r>
          </w:p>
        </w:tc>
      </w:tr>
      <w:tr w:rsidR="00D967C4" w:rsidRPr="00085F16" w:rsidTr="00D967C4">
        <w:trPr>
          <w:trHeight w:val="508"/>
        </w:trPr>
        <w:tc>
          <w:tcPr>
            <w:tcW w:w="11138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42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.</w:t>
            </w:r>
            <w:r w:rsidRPr="00085F16">
              <w:rPr>
                <w:spacing w:val="4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Тематические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оверки.</w:t>
            </w:r>
          </w:p>
        </w:tc>
      </w:tr>
      <w:tr w:rsidR="00D967C4" w:rsidRPr="00085F16" w:rsidTr="0018306F">
        <w:trPr>
          <w:trHeight w:val="1072"/>
        </w:trPr>
        <w:tc>
          <w:tcPr>
            <w:tcW w:w="6030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59" w:right="348" w:firstLine="9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азвитие творческих способностей учащихся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на уроках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атематики,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физики,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биологии</w:t>
            </w:r>
            <w:r w:rsidRPr="00085F16">
              <w:rPr>
                <w:spacing w:val="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географии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7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.</w:t>
            </w:r>
          </w:p>
        </w:tc>
        <w:tc>
          <w:tcPr>
            <w:tcW w:w="1550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ind w:left="448" w:right="279" w:hanging="144"/>
              <w:jc w:val="both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103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45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54" w:right="24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18306F">
        <w:trPr>
          <w:trHeight w:val="1074"/>
        </w:trPr>
        <w:tc>
          <w:tcPr>
            <w:tcW w:w="6030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80" w:right="268" w:firstLine="3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абота учителей русского языка и литературы, истории 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бществознания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7-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 в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амка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дготовки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ПР</w:t>
            </w:r>
          </w:p>
        </w:tc>
        <w:tc>
          <w:tcPr>
            <w:tcW w:w="1550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ind w:left="448" w:right="279" w:hanging="144"/>
              <w:jc w:val="both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103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  <w:r w:rsidR="00AA4E56" w:rsidRPr="00085F16">
              <w:rPr>
                <w:sz w:val="24"/>
                <w:szCs w:val="24"/>
                <w:lang w:val="ru-RU"/>
              </w:rPr>
              <w:t>,ВР</w:t>
            </w:r>
          </w:p>
        </w:tc>
        <w:tc>
          <w:tcPr>
            <w:tcW w:w="145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54" w:right="24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18306F">
        <w:trPr>
          <w:trHeight w:val="1072"/>
        </w:trPr>
        <w:tc>
          <w:tcPr>
            <w:tcW w:w="6030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08" w:right="197" w:hanging="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именение современных образовательных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нформационных технологий на уроках информатики в 7-х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</w:t>
            </w:r>
          </w:p>
        </w:tc>
        <w:tc>
          <w:tcPr>
            <w:tcW w:w="1550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ind w:left="448" w:right="279" w:hanging="144"/>
              <w:jc w:val="both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103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45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54" w:right="24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18306F">
        <w:trPr>
          <w:trHeight w:val="1091"/>
        </w:trPr>
        <w:tc>
          <w:tcPr>
            <w:tcW w:w="6030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25" w:right="21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именение современных образовательных технологий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бучения на уроках информатики, физической культуры (7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ы)</w:t>
            </w:r>
          </w:p>
        </w:tc>
        <w:tc>
          <w:tcPr>
            <w:tcW w:w="1550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ind w:left="422" w:right="279" w:hanging="118"/>
              <w:jc w:val="both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103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8" w:right="6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38" w:right="5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</w:t>
            </w:r>
            <w:r w:rsidR="00AA4E56" w:rsidRPr="00085F16">
              <w:rPr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Р</w:t>
            </w:r>
          </w:p>
        </w:tc>
        <w:tc>
          <w:tcPr>
            <w:tcW w:w="145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88" w:right="21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18306F">
        <w:trPr>
          <w:trHeight w:val="1074"/>
        </w:trPr>
        <w:tc>
          <w:tcPr>
            <w:tcW w:w="6030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085" w:right="281" w:hanging="178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Современные подходы к преподаванию ИЗО в начальной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школе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(1-3 классы).</w:t>
            </w:r>
          </w:p>
        </w:tc>
        <w:tc>
          <w:tcPr>
            <w:tcW w:w="1550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ind w:left="448" w:right="279" w:hanging="144"/>
              <w:jc w:val="both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103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45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54" w:right="24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18306F">
        <w:trPr>
          <w:trHeight w:val="1073"/>
        </w:trPr>
        <w:tc>
          <w:tcPr>
            <w:tcW w:w="6030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831" w:right="251" w:hanging="155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рка лексико- грамматических навыков в 7-х классах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(задание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формате ОГЭ)</w:t>
            </w:r>
          </w:p>
        </w:tc>
        <w:tc>
          <w:tcPr>
            <w:tcW w:w="1550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ind w:left="448" w:right="279" w:hanging="144"/>
              <w:jc w:val="both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103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AA4E56" w:rsidP="00085F16">
            <w:pPr>
              <w:pStyle w:val="TableParagraph"/>
              <w:spacing w:before="37" w:line="276" w:lineRule="auto"/>
              <w:ind w:left="125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директора по </w:t>
            </w:r>
            <w:r w:rsidR="00D967C4" w:rsidRPr="00085F16">
              <w:rPr>
                <w:sz w:val="24"/>
                <w:szCs w:val="24"/>
                <w:lang w:val="ru-RU"/>
              </w:rPr>
              <w:t>ВР</w:t>
            </w:r>
          </w:p>
        </w:tc>
        <w:tc>
          <w:tcPr>
            <w:tcW w:w="145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54" w:right="24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18306F">
        <w:trPr>
          <w:trHeight w:val="890"/>
        </w:trPr>
        <w:tc>
          <w:tcPr>
            <w:tcW w:w="6030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654" w:right="191" w:hanging="24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Состояние преподавания родного языка и литературы в 7-х</w:t>
            </w:r>
            <w:r w:rsidRPr="00085F16">
              <w:rPr>
                <w:spacing w:val="-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</w:t>
            </w:r>
          </w:p>
        </w:tc>
        <w:tc>
          <w:tcPr>
            <w:tcW w:w="1550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ind w:left="448" w:right="279" w:hanging="144"/>
              <w:jc w:val="both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103" w:type="dxa"/>
            <w:shd w:val="clear" w:color="auto" w:fill="auto"/>
          </w:tcPr>
          <w:p w:rsidR="00AA4E56" w:rsidRPr="00085F16" w:rsidRDefault="00AA4E56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AA4E56" w:rsidP="00085F16">
            <w:pPr>
              <w:pStyle w:val="TableParagraph"/>
              <w:spacing w:line="276" w:lineRule="auto"/>
              <w:ind w:left="149" w:right="123" w:firstLine="9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45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54" w:right="24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18306F">
        <w:trPr>
          <w:trHeight w:val="1072"/>
        </w:trPr>
        <w:tc>
          <w:tcPr>
            <w:tcW w:w="6030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831" w:right="453" w:hanging="135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Анализ результатов воспитательной работы за первое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лугодие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1-11 классах</w:t>
            </w:r>
          </w:p>
        </w:tc>
        <w:tc>
          <w:tcPr>
            <w:tcW w:w="1550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ind w:left="422" w:right="279" w:hanging="118"/>
              <w:jc w:val="both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103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6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23" w:right="10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-</w:t>
            </w:r>
          </w:p>
        </w:tc>
        <w:tc>
          <w:tcPr>
            <w:tcW w:w="145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54" w:right="24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220" w:right="180" w:bottom="280" w:left="340" w:header="720" w:footer="720" w:gutter="0"/>
          <w:cols w:space="720"/>
        </w:sectPr>
      </w:pPr>
    </w:p>
    <w:p w:rsidR="00153F86" w:rsidRDefault="00153F86" w:rsidP="00085F16">
      <w:pPr>
        <w:pStyle w:val="ab"/>
        <w:spacing w:before="71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</w:p>
    <w:p w:rsidR="00153F86" w:rsidRDefault="00153F86" w:rsidP="00085F16">
      <w:pPr>
        <w:pStyle w:val="ab"/>
        <w:spacing w:before="71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71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Февраль.</w:t>
      </w:r>
    </w:p>
    <w:p w:rsidR="00D967C4" w:rsidRPr="00085F16" w:rsidRDefault="00D967C4" w:rsidP="00085F16">
      <w:pPr>
        <w:pStyle w:val="ab"/>
        <w:spacing w:before="11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984"/>
        <w:gridCol w:w="1538"/>
        <w:gridCol w:w="2086"/>
        <w:gridCol w:w="1512"/>
      </w:tblGrid>
      <w:tr w:rsidR="00D967C4" w:rsidRPr="00085F16" w:rsidTr="004E5488">
        <w:trPr>
          <w:trHeight w:val="821"/>
        </w:trPr>
        <w:tc>
          <w:tcPr>
            <w:tcW w:w="11120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97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.</w:t>
            </w:r>
            <w:r w:rsidRPr="00085F16">
              <w:rPr>
                <w:spacing w:val="4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рганизационные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роприятия.</w:t>
            </w:r>
          </w:p>
        </w:tc>
      </w:tr>
      <w:tr w:rsidR="00D967C4" w:rsidRPr="00085F16" w:rsidTr="004E5488">
        <w:trPr>
          <w:trHeight w:val="3538"/>
        </w:trPr>
        <w:tc>
          <w:tcPr>
            <w:tcW w:w="5984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4E5488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4E5488">
            <w:pPr>
              <w:pStyle w:val="TableParagraph"/>
              <w:spacing w:before="5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4E5488">
            <w:pPr>
              <w:pStyle w:val="TableParagraph"/>
              <w:spacing w:line="276" w:lineRule="auto"/>
              <w:ind w:left="1948" w:right="185" w:hanging="173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рка состояния ведения контрольных тетрадей по в 8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(выборочно).</w:t>
            </w:r>
          </w:p>
        </w:tc>
        <w:tc>
          <w:tcPr>
            <w:tcW w:w="1538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05" w:right="263" w:hanging="116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25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D967C4" w:rsidRPr="00085F16" w:rsidRDefault="00D967C4" w:rsidP="00085F16">
            <w:pPr>
              <w:pStyle w:val="TableParagraph"/>
              <w:spacing w:before="38" w:line="276" w:lineRule="auto"/>
              <w:ind w:left="127" w:right="112" w:firstLine="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51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3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93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88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4E5488">
        <w:trPr>
          <w:trHeight w:val="2596"/>
        </w:trPr>
        <w:tc>
          <w:tcPr>
            <w:tcW w:w="5984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4E5488">
            <w:pPr>
              <w:pStyle w:val="TableParagraph"/>
              <w:spacing w:before="2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4E5488">
            <w:pPr>
              <w:pStyle w:val="TableParagraph"/>
              <w:spacing w:line="276" w:lineRule="auto"/>
              <w:ind w:left="247" w:right="239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рка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абочи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тетрадей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усскому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языку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</w:t>
            </w:r>
          </w:p>
          <w:p w:rsidR="00D967C4" w:rsidRPr="00085F16" w:rsidRDefault="00D967C4" w:rsidP="004E5488">
            <w:pPr>
              <w:pStyle w:val="TableParagraph"/>
              <w:spacing w:before="37" w:line="276" w:lineRule="auto"/>
              <w:ind w:left="243" w:right="239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математике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2-4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ов</w:t>
            </w:r>
            <w:r w:rsidRPr="00085F16">
              <w:rPr>
                <w:spacing w:val="-5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(дозировка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омашнего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задания)</w:t>
            </w:r>
          </w:p>
        </w:tc>
        <w:tc>
          <w:tcPr>
            <w:tcW w:w="1538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05" w:right="263" w:hanging="116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0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27" w:right="112" w:firstLine="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51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3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93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88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4E5488">
        <w:trPr>
          <w:trHeight w:val="2189"/>
        </w:trPr>
        <w:tc>
          <w:tcPr>
            <w:tcW w:w="5984" w:type="dxa"/>
          </w:tcPr>
          <w:p w:rsidR="00D967C4" w:rsidRPr="00085F16" w:rsidRDefault="00D967C4" w:rsidP="004E5488">
            <w:pPr>
              <w:pStyle w:val="TableParagraph"/>
              <w:spacing w:before="5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4E5488">
            <w:pPr>
              <w:pStyle w:val="TableParagraph"/>
              <w:spacing w:line="276" w:lineRule="auto"/>
              <w:ind w:left="1778" w:right="235" w:hanging="151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рка словарей и тетрадей для контрольных работ по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одному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языку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(2-11 кл.)</w:t>
            </w:r>
          </w:p>
        </w:tc>
        <w:tc>
          <w:tcPr>
            <w:tcW w:w="1538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05" w:right="263" w:hanging="116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6" w:type="dxa"/>
          </w:tcPr>
          <w:p w:rsidR="00AA4E56" w:rsidRPr="00085F16" w:rsidRDefault="00AA4E56" w:rsidP="00085F16">
            <w:pPr>
              <w:pStyle w:val="TableParagraph"/>
              <w:spacing w:line="276" w:lineRule="auto"/>
              <w:ind w:left="130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AA4E56" w:rsidRPr="00085F16" w:rsidRDefault="00AA4E56" w:rsidP="00085F16">
            <w:pPr>
              <w:pStyle w:val="TableParagraph"/>
              <w:spacing w:before="9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AA4E56" w:rsidP="00085F16">
            <w:pPr>
              <w:pStyle w:val="TableParagraph"/>
              <w:spacing w:line="276" w:lineRule="auto"/>
              <w:ind w:right="10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,ВР</w:t>
            </w:r>
          </w:p>
        </w:tc>
        <w:tc>
          <w:tcPr>
            <w:tcW w:w="151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3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93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88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4E5488">
        <w:trPr>
          <w:trHeight w:val="2189"/>
        </w:trPr>
        <w:tc>
          <w:tcPr>
            <w:tcW w:w="5984" w:type="dxa"/>
          </w:tcPr>
          <w:p w:rsidR="00D967C4" w:rsidRPr="00085F16" w:rsidRDefault="00D967C4" w:rsidP="004E5488">
            <w:pPr>
              <w:pStyle w:val="TableParagraph"/>
              <w:spacing w:before="5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4E5488">
            <w:pPr>
              <w:pStyle w:val="TableParagraph"/>
              <w:spacing w:line="276" w:lineRule="auto"/>
              <w:ind w:left="2289" w:right="319" w:hanging="194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дение цикла открытых уроков по обмену опытом</w:t>
            </w:r>
          </w:p>
        </w:tc>
        <w:tc>
          <w:tcPr>
            <w:tcW w:w="1538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05" w:right="263" w:hanging="116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0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34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51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3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93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88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4E5488">
        <w:trPr>
          <w:trHeight w:val="710"/>
        </w:trPr>
        <w:tc>
          <w:tcPr>
            <w:tcW w:w="11120" w:type="dxa"/>
            <w:gridSpan w:val="4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3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.</w:t>
            </w:r>
            <w:r w:rsidRPr="00085F16">
              <w:rPr>
                <w:spacing w:val="4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Тематические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оверки.</w:t>
            </w:r>
          </w:p>
        </w:tc>
      </w:tr>
      <w:tr w:rsidR="00D967C4" w:rsidRPr="00085F16" w:rsidTr="004E5488">
        <w:trPr>
          <w:trHeight w:val="1531"/>
        </w:trPr>
        <w:tc>
          <w:tcPr>
            <w:tcW w:w="5984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165" w:right="156" w:firstLine="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Система подготовки к мониторинговым исследованиям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на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роках математики, физики, химии, биологи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 географи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8 классах.</w:t>
            </w:r>
          </w:p>
        </w:tc>
        <w:tc>
          <w:tcPr>
            <w:tcW w:w="1538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05" w:right="263" w:hanging="116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6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25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34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51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2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4E5488">
        <w:trPr>
          <w:trHeight w:val="2314"/>
        </w:trPr>
        <w:tc>
          <w:tcPr>
            <w:tcW w:w="5984" w:type="dxa"/>
            <w:shd w:val="clear" w:color="auto" w:fill="auto"/>
          </w:tcPr>
          <w:p w:rsidR="00D967C4" w:rsidRPr="004E5488" w:rsidRDefault="00D967C4" w:rsidP="004E5488">
            <w:pPr>
              <w:pStyle w:val="TableParagraph"/>
              <w:spacing w:line="276" w:lineRule="auto"/>
              <w:ind w:left="249" w:right="239"/>
              <w:rPr>
                <w:sz w:val="24"/>
                <w:szCs w:val="24"/>
                <w:lang w:val="ru-RU"/>
              </w:rPr>
            </w:pPr>
            <w:r w:rsidRPr="004E5488">
              <w:rPr>
                <w:sz w:val="24"/>
                <w:szCs w:val="24"/>
                <w:lang w:val="ru-RU"/>
              </w:rPr>
              <w:lastRenderedPageBreak/>
              <w:t>Работа учителей русского языка и литературы, истории и</w:t>
            </w:r>
            <w:r w:rsidRPr="004E5488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обществознания над созданием учебных проектов в 8-х</w:t>
            </w:r>
            <w:r w:rsidRPr="004E5488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классах, соответствующая требованиям ФГОС ООО.</w:t>
            </w:r>
            <w:r w:rsidRPr="004E5488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Эффективные формы работы подготовки учащихся к</w:t>
            </w:r>
            <w:r w:rsidRPr="004E5488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итоговому</w:t>
            </w:r>
            <w:r w:rsidRPr="004E5488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собеседованию по русскому</w:t>
            </w:r>
            <w:r w:rsidRPr="004E5488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языку.</w:t>
            </w:r>
          </w:p>
        </w:tc>
        <w:tc>
          <w:tcPr>
            <w:tcW w:w="1538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05" w:right="263" w:hanging="116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6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0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34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</w:t>
            </w:r>
            <w:r w:rsidR="00AA4E56" w:rsidRPr="00085F16">
              <w:rPr>
                <w:sz w:val="24"/>
                <w:szCs w:val="24"/>
                <w:lang w:val="ru-RU"/>
              </w:rPr>
              <w:t>Р,ВР</w:t>
            </w:r>
          </w:p>
        </w:tc>
        <w:tc>
          <w:tcPr>
            <w:tcW w:w="151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2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4E5488">
        <w:trPr>
          <w:trHeight w:val="1782"/>
        </w:trPr>
        <w:tc>
          <w:tcPr>
            <w:tcW w:w="5984" w:type="dxa"/>
            <w:shd w:val="clear" w:color="auto" w:fill="auto"/>
          </w:tcPr>
          <w:p w:rsidR="00D967C4" w:rsidRPr="004E5488" w:rsidRDefault="00D967C4" w:rsidP="004E5488">
            <w:pPr>
              <w:pStyle w:val="TableParagraph"/>
              <w:spacing w:line="276" w:lineRule="auto"/>
              <w:ind w:left="1257" w:right="474" w:hanging="757"/>
              <w:rPr>
                <w:sz w:val="24"/>
                <w:szCs w:val="24"/>
                <w:lang w:val="ru-RU"/>
              </w:rPr>
            </w:pPr>
            <w:r w:rsidRPr="004E5488">
              <w:rPr>
                <w:sz w:val="24"/>
                <w:szCs w:val="24"/>
                <w:lang w:val="ru-RU"/>
              </w:rPr>
              <w:t>Состояние и качество преподавания информатики и</w:t>
            </w:r>
            <w:r w:rsidRPr="004E5488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физической</w:t>
            </w:r>
            <w:r w:rsidRPr="004E5488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культуры</w:t>
            </w:r>
            <w:r w:rsidRPr="004E5488">
              <w:rPr>
                <w:spacing w:val="2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в</w:t>
            </w:r>
            <w:r w:rsidRPr="004E5488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8-х классах.</w:t>
            </w:r>
          </w:p>
        </w:tc>
        <w:tc>
          <w:tcPr>
            <w:tcW w:w="1538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05" w:right="263" w:hanging="116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6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0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34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51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2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4E5488">
        <w:trPr>
          <w:trHeight w:val="1778"/>
        </w:trPr>
        <w:tc>
          <w:tcPr>
            <w:tcW w:w="5984" w:type="dxa"/>
            <w:shd w:val="clear" w:color="auto" w:fill="auto"/>
          </w:tcPr>
          <w:p w:rsidR="00D967C4" w:rsidRPr="004E5488" w:rsidRDefault="00D967C4" w:rsidP="004E5488">
            <w:pPr>
              <w:pStyle w:val="TableParagraph"/>
              <w:spacing w:line="276" w:lineRule="auto"/>
              <w:ind w:left="2719" w:right="238" w:hanging="2458"/>
              <w:rPr>
                <w:sz w:val="24"/>
                <w:szCs w:val="24"/>
                <w:lang w:val="ru-RU"/>
              </w:rPr>
            </w:pPr>
            <w:r w:rsidRPr="004E5488">
              <w:rPr>
                <w:sz w:val="24"/>
                <w:szCs w:val="24"/>
                <w:lang w:val="ru-RU"/>
              </w:rPr>
              <w:t>Использование кейс технологии на уроках окружающего</w:t>
            </w:r>
            <w:r w:rsidRPr="004E5488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мира</w:t>
            </w:r>
          </w:p>
        </w:tc>
        <w:tc>
          <w:tcPr>
            <w:tcW w:w="1538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05" w:right="263" w:hanging="116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6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0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34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51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2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4E5488">
        <w:trPr>
          <w:trHeight w:val="1782"/>
        </w:trPr>
        <w:tc>
          <w:tcPr>
            <w:tcW w:w="5984" w:type="dxa"/>
            <w:shd w:val="clear" w:color="auto" w:fill="auto"/>
          </w:tcPr>
          <w:p w:rsidR="00D967C4" w:rsidRPr="004E5488" w:rsidRDefault="00D967C4" w:rsidP="004E5488">
            <w:pPr>
              <w:pStyle w:val="TableParagraph"/>
              <w:spacing w:line="276" w:lineRule="auto"/>
              <w:ind w:left="510" w:right="187" w:hanging="300"/>
              <w:rPr>
                <w:sz w:val="24"/>
                <w:szCs w:val="24"/>
                <w:lang w:val="ru-RU"/>
              </w:rPr>
            </w:pPr>
            <w:r w:rsidRPr="004E5488">
              <w:rPr>
                <w:sz w:val="24"/>
                <w:szCs w:val="24"/>
                <w:lang w:val="ru-RU"/>
              </w:rPr>
              <w:t>Проверка грамматических навыков в 8-х классах (перевод</w:t>
            </w:r>
            <w:r w:rsidRPr="004E5488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предложений)</w:t>
            </w:r>
            <w:r w:rsidRPr="004E5488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и навыков</w:t>
            </w:r>
            <w:r w:rsidRPr="004E5488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устной</w:t>
            </w:r>
            <w:r w:rsidRPr="004E5488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речи</w:t>
            </w:r>
            <w:r w:rsidRPr="004E5488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в</w:t>
            </w:r>
            <w:r w:rsidRPr="004E5488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8-х</w:t>
            </w:r>
            <w:r w:rsidRPr="004E5488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4E5488">
              <w:rPr>
                <w:sz w:val="24"/>
                <w:szCs w:val="24"/>
                <w:lang w:val="ru-RU"/>
              </w:rPr>
              <w:t>классах.</w:t>
            </w:r>
          </w:p>
        </w:tc>
        <w:tc>
          <w:tcPr>
            <w:tcW w:w="1538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05" w:right="263" w:hanging="116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86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0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AA4E56" w:rsidP="00085F16">
            <w:pPr>
              <w:pStyle w:val="TableParagraph"/>
              <w:spacing w:line="276" w:lineRule="auto"/>
              <w:ind w:left="134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директора по </w:t>
            </w:r>
            <w:r w:rsidR="00D967C4" w:rsidRPr="00085F16">
              <w:rPr>
                <w:sz w:val="24"/>
                <w:szCs w:val="24"/>
                <w:lang w:val="ru-RU"/>
              </w:rPr>
              <w:t>ВР</w:t>
            </w:r>
          </w:p>
        </w:tc>
        <w:tc>
          <w:tcPr>
            <w:tcW w:w="1511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2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140" w:right="180" w:bottom="280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905"/>
        <w:gridCol w:w="1519"/>
        <w:gridCol w:w="2060"/>
        <w:gridCol w:w="1489"/>
      </w:tblGrid>
      <w:tr w:rsidR="00D967C4" w:rsidRPr="00085F16" w:rsidTr="0018306F">
        <w:trPr>
          <w:trHeight w:val="1093"/>
        </w:trPr>
        <w:tc>
          <w:tcPr>
            <w:tcW w:w="590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815" w:right="223" w:hanging="2569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lastRenderedPageBreak/>
              <w:t>Состояние преподавания родного языка и литературы в 8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.</w:t>
            </w:r>
          </w:p>
        </w:tc>
        <w:tc>
          <w:tcPr>
            <w:tcW w:w="1519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05" w:right="263" w:hanging="11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60" w:type="dxa"/>
            <w:shd w:val="clear" w:color="auto" w:fill="auto"/>
          </w:tcPr>
          <w:p w:rsidR="00AA4E56" w:rsidRPr="00085F16" w:rsidRDefault="00AA4E56" w:rsidP="00085F16">
            <w:pPr>
              <w:pStyle w:val="TableParagraph"/>
              <w:spacing w:line="276" w:lineRule="auto"/>
              <w:ind w:left="130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AA4E56" w:rsidRPr="00085F16" w:rsidRDefault="00AA4E56" w:rsidP="00085F16">
            <w:pPr>
              <w:pStyle w:val="TableParagraph"/>
              <w:spacing w:before="9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AA4E56" w:rsidP="00085F16">
            <w:pPr>
              <w:pStyle w:val="TableParagraph"/>
              <w:spacing w:line="276" w:lineRule="auto"/>
              <w:ind w:left="127" w:right="102" w:firstLine="69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489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2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18306F">
        <w:trPr>
          <w:trHeight w:val="1272"/>
        </w:trPr>
        <w:tc>
          <w:tcPr>
            <w:tcW w:w="590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51" w:right="624" w:hanging="399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Организация и проведение мероприятий военно-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атриотической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направленности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1-11кл.</w:t>
            </w:r>
          </w:p>
        </w:tc>
        <w:tc>
          <w:tcPr>
            <w:tcW w:w="1519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05" w:right="263" w:hanging="11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.</w:t>
            </w:r>
          </w:p>
        </w:tc>
        <w:tc>
          <w:tcPr>
            <w:tcW w:w="2060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0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7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31" w:right="115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</w:t>
            </w:r>
          </w:p>
        </w:tc>
        <w:tc>
          <w:tcPr>
            <w:tcW w:w="1489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92" w:right="7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</w:tbl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250"/>
        <w:ind w:left="2238" w:right="2398"/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Март.</w:t>
      </w:r>
    </w:p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922"/>
        <w:gridCol w:w="1557"/>
        <w:gridCol w:w="1901"/>
        <w:gridCol w:w="1591"/>
      </w:tblGrid>
      <w:tr w:rsidR="00D967C4" w:rsidRPr="00085F16" w:rsidTr="00D967C4">
        <w:trPr>
          <w:trHeight w:val="588"/>
        </w:trPr>
        <w:tc>
          <w:tcPr>
            <w:tcW w:w="10971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83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.</w:t>
            </w:r>
            <w:r w:rsidRPr="00085F16">
              <w:rPr>
                <w:spacing w:val="4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рганизационные</w:t>
            </w:r>
            <w:r w:rsidRPr="00085F16">
              <w:rPr>
                <w:spacing w:val="-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роприятия.</w:t>
            </w:r>
          </w:p>
        </w:tc>
      </w:tr>
      <w:tr w:rsidR="00D967C4" w:rsidRPr="00085F16" w:rsidTr="00153F86">
        <w:trPr>
          <w:trHeight w:val="270"/>
        </w:trPr>
        <w:tc>
          <w:tcPr>
            <w:tcW w:w="5922" w:type="dxa"/>
            <w:tcBorders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1557" w:type="dxa"/>
            <w:tcBorders>
              <w:bottom w:val="nil"/>
            </w:tcBorders>
          </w:tcPr>
          <w:p w:rsidR="00D967C4" w:rsidRPr="00085F16" w:rsidRDefault="00D967C4" w:rsidP="004E5488">
            <w:pPr>
              <w:pStyle w:val="TableParagraph"/>
              <w:spacing w:line="276" w:lineRule="auto"/>
              <w:ind w:left="144" w:right="131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торая</w:t>
            </w:r>
          </w:p>
        </w:tc>
        <w:tc>
          <w:tcPr>
            <w:tcW w:w="1901" w:type="dxa"/>
            <w:tcBorders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92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Заместитель</w:t>
            </w:r>
          </w:p>
        </w:tc>
        <w:tc>
          <w:tcPr>
            <w:tcW w:w="1591" w:type="dxa"/>
            <w:tcBorders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4" w:right="8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</w:tc>
      </w:tr>
      <w:tr w:rsidR="00D967C4" w:rsidRPr="00085F16" w:rsidTr="00153F86">
        <w:trPr>
          <w:trHeight w:val="490"/>
        </w:trPr>
        <w:tc>
          <w:tcPr>
            <w:tcW w:w="5922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1557" w:type="dxa"/>
            <w:tcBorders>
              <w:top w:val="nil"/>
              <w:bottom w:val="nil"/>
            </w:tcBorders>
          </w:tcPr>
          <w:p w:rsidR="00D967C4" w:rsidRPr="00085F16" w:rsidRDefault="00D967C4" w:rsidP="004E5488">
            <w:pPr>
              <w:pStyle w:val="TableParagraph"/>
              <w:spacing w:before="15" w:line="276" w:lineRule="auto"/>
              <w:ind w:left="144" w:right="131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1901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before="214" w:line="276" w:lineRule="auto"/>
              <w:ind w:left="106" w:right="9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а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о</w:t>
            </w:r>
          </w:p>
        </w:tc>
        <w:tc>
          <w:tcPr>
            <w:tcW w:w="1591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before="214" w:line="276" w:lineRule="auto"/>
              <w:ind w:left="102" w:right="8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</w:p>
        </w:tc>
      </w:tr>
      <w:tr w:rsidR="00D967C4" w:rsidRPr="00085F16" w:rsidTr="00153F86">
        <w:trPr>
          <w:trHeight w:val="581"/>
        </w:trPr>
        <w:tc>
          <w:tcPr>
            <w:tcW w:w="5922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before="206" w:line="276" w:lineRule="auto"/>
              <w:ind w:left="163" w:right="15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Неделя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усского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языка и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литературы</w:t>
            </w:r>
          </w:p>
        </w:tc>
        <w:tc>
          <w:tcPr>
            <w:tcW w:w="1557" w:type="dxa"/>
            <w:tcBorders>
              <w:top w:val="nil"/>
              <w:bottom w:val="nil"/>
            </w:tcBorders>
          </w:tcPr>
          <w:p w:rsidR="00D967C4" w:rsidRPr="00085F16" w:rsidRDefault="00D967C4" w:rsidP="004E5488">
            <w:pPr>
              <w:pStyle w:val="TableParagraph"/>
              <w:spacing w:line="276" w:lineRule="auto"/>
              <w:jc w:val="center"/>
              <w:rPr>
                <w:sz w:val="24"/>
                <w:szCs w:val="24"/>
                <w:lang w:val="ru-RU"/>
              </w:rPr>
            </w:pPr>
          </w:p>
        </w:tc>
        <w:tc>
          <w:tcPr>
            <w:tcW w:w="1901" w:type="dxa"/>
            <w:tcBorders>
              <w:top w:val="nil"/>
              <w:bottom w:val="nil"/>
            </w:tcBorders>
          </w:tcPr>
          <w:p w:rsidR="00D967C4" w:rsidRPr="00085F16" w:rsidRDefault="00AA4E56" w:rsidP="00085F16">
            <w:pPr>
              <w:pStyle w:val="TableParagraph"/>
              <w:spacing w:before="37" w:line="276" w:lineRule="auto"/>
              <w:ind w:left="0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   ВР</w:t>
            </w:r>
          </w:p>
        </w:tc>
        <w:tc>
          <w:tcPr>
            <w:tcW w:w="1591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before="14" w:line="276" w:lineRule="auto"/>
              <w:ind w:left="103" w:right="8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99" w:right="8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153F86">
        <w:trPr>
          <w:trHeight w:val="291"/>
        </w:trPr>
        <w:tc>
          <w:tcPr>
            <w:tcW w:w="5922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1557" w:type="dxa"/>
            <w:tcBorders>
              <w:top w:val="nil"/>
              <w:bottom w:val="nil"/>
            </w:tcBorders>
          </w:tcPr>
          <w:p w:rsidR="00D967C4" w:rsidRPr="00085F16" w:rsidRDefault="00D967C4" w:rsidP="004E5488">
            <w:pPr>
              <w:pStyle w:val="TableParagraph"/>
              <w:spacing w:line="276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1901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before="15" w:line="276" w:lineRule="auto"/>
              <w:ind w:left="105" w:right="9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руководитель</w:t>
            </w:r>
          </w:p>
        </w:tc>
        <w:tc>
          <w:tcPr>
            <w:tcW w:w="1591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</w:tr>
      <w:tr w:rsidR="00D967C4" w:rsidRPr="00085F16" w:rsidTr="00153F86">
        <w:trPr>
          <w:trHeight w:val="290"/>
        </w:trPr>
        <w:tc>
          <w:tcPr>
            <w:tcW w:w="5922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1557" w:type="dxa"/>
            <w:tcBorders>
              <w:top w:val="nil"/>
              <w:bottom w:val="nil"/>
            </w:tcBorders>
          </w:tcPr>
          <w:p w:rsidR="00D967C4" w:rsidRPr="00085F16" w:rsidRDefault="00D967C4" w:rsidP="004E5488">
            <w:pPr>
              <w:pStyle w:val="TableParagraph"/>
              <w:spacing w:line="276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1901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before="14" w:line="276" w:lineRule="auto"/>
              <w:ind w:left="110" w:right="9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 xml:space="preserve">МО </w:t>
            </w:r>
          </w:p>
        </w:tc>
        <w:tc>
          <w:tcPr>
            <w:tcW w:w="1591" w:type="dxa"/>
            <w:tcBorders>
              <w:top w:val="nil"/>
              <w:bottom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</w:tr>
      <w:tr w:rsidR="00D967C4" w:rsidRPr="00085F16" w:rsidTr="00153F86">
        <w:trPr>
          <w:trHeight w:val="95"/>
        </w:trPr>
        <w:tc>
          <w:tcPr>
            <w:tcW w:w="5922" w:type="dxa"/>
            <w:tcBorders>
              <w:top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1557" w:type="dxa"/>
            <w:tcBorders>
              <w:top w:val="nil"/>
            </w:tcBorders>
          </w:tcPr>
          <w:p w:rsidR="00D967C4" w:rsidRPr="00085F16" w:rsidRDefault="00D967C4" w:rsidP="004E5488">
            <w:pPr>
              <w:pStyle w:val="TableParagraph"/>
              <w:spacing w:line="276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1901" w:type="dxa"/>
            <w:tcBorders>
              <w:top w:val="nil"/>
            </w:tcBorders>
          </w:tcPr>
          <w:p w:rsidR="00D967C4" w:rsidRPr="00085F16" w:rsidRDefault="00D967C4" w:rsidP="00085F16">
            <w:pPr>
              <w:pStyle w:val="TableParagraph"/>
              <w:spacing w:before="14" w:line="276" w:lineRule="auto"/>
              <w:ind w:left="106" w:right="93"/>
              <w:rPr>
                <w:sz w:val="24"/>
                <w:szCs w:val="24"/>
              </w:rPr>
            </w:pPr>
          </w:p>
        </w:tc>
        <w:tc>
          <w:tcPr>
            <w:tcW w:w="1591" w:type="dxa"/>
            <w:tcBorders>
              <w:top w:val="nil"/>
            </w:tcBorders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</w:tr>
      <w:tr w:rsidR="00D967C4" w:rsidRPr="00085F16" w:rsidTr="00153F86">
        <w:trPr>
          <w:trHeight w:val="2519"/>
        </w:trPr>
        <w:tc>
          <w:tcPr>
            <w:tcW w:w="5922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198" w:line="276" w:lineRule="auto"/>
              <w:ind w:left="167" w:right="15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Выполнение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актической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части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ограммы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едметам</w:t>
            </w:r>
          </w:p>
        </w:tc>
        <w:tc>
          <w:tcPr>
            <w:tcW w:w="1557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144" w:right="131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23.03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.</w:t>
            </w:r>
          </w:p>
        </w:tc>
        <w:tc>
          <w:tcPr>
            <w:tcW w:w="190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6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</w:p>
          <w:p w:rsidR="00AA4E56" w:rsidRPr="00085F16" w:rsidRDefault="00D967C4" w:rsidP="00085F16">
            <w:pPr>
              <w:pStyle w:val="TableParagraph"/>
              <w:spacing w:line="276" w:lineRule="auto"/>
              <w:ind w:left="137" w:right="121" w:firstLine="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82" w:right="164" w:hanging="4"/>
              <w:rPr>
                <w:sz w:val="24"/>
                <w:szCs w:val="24"/>
                <w:lang w:val="ru-RU"/>
              </w:rPr>
            </w:pPr>
          </w:p>
        </w:tc>
        <w:tc>
          <w:tcPr>
            <w:tcW w:w="15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4" w:right="8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04" w:right="8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before="2" w:line="276" w:lineRule="auto"/>
              <w:ind w:left="103" w:right="8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153F86">
        <w:trPr>
          <w:trHeight w:val="2819"/>
        </w:trPr>
        <w:tc>
          <w:tcPr>
            <w:tcW w:w="5922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7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941" w:right="252" w:hanging="166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Проверка состояния </w:t>
            </w:r>
            <w:r w:rsidR="00AA4E56" w:rsidRPr="00085F16">
              <w:rPr>
                <w:sz w:val="24"/>
                <w:szCs w:val="24"/>
                <w:lang w:val="ru-RU"/>
              </w:rPr>
              <w:t>эл.</w:t>
            </w:r>
            <w:r w:rsidRPr="00085F16">
              <w:rPr>
                <w:sz w:val="24"/>
                <w:szCs w:val="24"/>
                <w:lang w:val="ru-RU"/>
              </w:rPr>
              <w:t xml:space="preserve"> журналов (Объективност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ыставления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ценок).</w:t>
            </w:r>
          </w:p>
        </w:tc>
        <w:tc>
          <w:tcPr>
            <w:tcW w:w="1557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53" w:right="281" w:hanging="144"/>
              <w:jc w:val="center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В течение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есяца</w:t>
            </w:r>
          </w:p>
        </w:tc>
        <w:tc>
          <w:tcPr>
            <w:tcW w:w="190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6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</w:p>
          <w:p w:rsidR="00977CC1" w:rsidRPr="00085F16" w:rsidRDefault="00D967C4" w:rsidP="00085F16">
            <w:pPr>
              <w:pStyle w:val="TableParagraph"/>
              <w:spacing w:line="276" w:lineRule="auto"/>
              <w:ind w:left="137" w:right="121" w:firstLine="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82" w:right="164" w:hanging="4"/>
              <w:rPr>
                <w:sz w:val="24"/>
                <w:szCs w:val="24"/>
                <w:lang w:val="ru-RU"/>
              </w:rPr>
            </w:pPr>
          </w:p>
        </w:tc>
        <w:tc>
          <w:tcPr>
            <w:tcW w:w="15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03" w:right="269" w:firstLine="52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Запись в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журналах</w:t>
            </w:r>
          </w:p>
        </w:tc>
      </w:tr>
      <w:tr w:rsidR="00D967C4" w:rsidRPr="00085F16" w:rsidTr="00153F86">
        <w:trPr>
          <w:trHeight w:val="2037"/>
        </w:trPr>
        <w:tc>
          <w:tcPr>
            <w:tcW w:w="5922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before="214" w:line="276" w:lineRule="auto"/>
              <w:ind w:left="167" w:right="15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оведение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заседания</w:t>
            </w:r>
            <w:r w:rsidRPr="00085F16">
              <w:rPr>
                <w:spacing w:val="-4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С,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ШМО.</w:t>
            </w:r>
          </w:p>
        </w:tc>
        <w:tc>
          <w:tcPr>
            <w:tcW w:w="1557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31" w:right="200" w:hanging="202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следняя</w:t>
            </w:r>
            <w:r w:rsidRPr="00085F16">
              <w:rPr>
                <w:spacing w:val="-58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190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6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</w:p>
          <w:p w:rsidR="00977CC1" w:rsidRPr="00085F16" w:rsidRDefault="00D967C4" w:rsidP="00085F16">
            <w:pPr>
              <w:pStyle w:val="TableParagraph"/>
              <w:spacing w:line="276" w:lineRule="auto"/>
              <w:ind w:left="137" w:right="121" w:firstLine="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УВР</w:t>
            </w:r>
            <w:r w:rsidR="00977CC1" w:rsidRPr="00085F16">
              <w:rPr>
                <w:sz w:val="24"/>
                <w:szCs w:val="24"/>
                <w:lang w:val="ru-RU"/>
              </w:rPr>
              <w:t>;</w:t>
            </w:r>
          </w:p>
          <w:p w:rsidR="00977CC1" w:rsidRPr="00085F16" w:rsidRDefault="00977CC1" w:rsidP="00085F16">
            <w:pPr>
              <w:pStyle w:val="TableParagraph"/>
              <w:spacing w:line="276" w:lineRule="auto"/>
              <w:ind w:left="144" w:right="129" w:firstLine="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5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 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5" w:right="93"/>
              <w:rPr>
                <w:sz w:val="24"/>
                <w:szCs w:val="24"/>
                <w:lang w:val="ru-RU"/>
              </w:rPr>
            </w:pPr>
          </w:p>
        </w:tc>
        <w:tc>
          <w:tcPr>
            <w:tcW w:w="159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91" w:right="259" w:firstLine="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отокол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заседания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220" w:right="180" w:bottom="0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922"/>
        <w:gridCol w:w="1557"/>
        <w:gridCol w:w="1985"/>
        <w:gridCol w:w="1475"/>
      </w:tblGrid>
      <w:tr w:rsidR="00D967C4" w:rsidRPr="00085F16" w:rsidTr="00977CC1">
        <w:trPr>
          <w:trHeight w:val="517"/>
        </w:trPr>
        <w:tc>
          <w:tcPr>
            <w:tcW w:w="10939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239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lastRenderedPageBreak/>
              <w:t>2.</w:t>
            </w:r>
            <w:r w:rsidRPr="00085F16">
              <w:rPr>
                <w:spacing w:val="4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Тематические</w:t>
            </w:r>
            <w:r w:rsidRPr="00085F16">
              <w:rPr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оверки.</w:t>
            </w:r>
          </w:p>
        </w:tc>
      </w:tr>
      <w:tr w:rsidR="00D967C4" w:rsidRPr="00085F16" w:rsidTr="00977CC1">
        <w:trPr>
          <w:trHeight w:val="3398"/>
        </w:trPr>
        <w:tc>
          <w:tcPr>
            <w:tcW w:w="5922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67" w:right="15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лассно-обобщающий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онтроль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9-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.</w:t>
            </w:r>
          </w:p>
        </w:tc>
        <w:tc>
          <w:tcPr>
            <w:tcW w:w="1557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53" w:right="281" w:hanging="144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198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1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</w:p>
          <w:p w:rsidR="00977CC1" w:rsidRPr="00085F16" w:rsidRDefault="00D967C4" w:rsidP="00085F16">
            <w:pPr>
              <w:pStyle w:val="TableParagraph"/>
              <w:spacing w:line="276" w:lineRule="auto"/>
              <w:ind w:left="137" w:right="121" w:firstLine="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УВР</w:t>
            </w:r>
            <w:r w:rsidR="00977CC1" w:rsidRPr="00085F16">
              <w:rPr>
                <w:sz w:val="24"/>
                <w:szCs w:val="24"/>
                <w:lang w:val="ru-RU"/>
              </w:rPr>
              <w:t>;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37" w:right="121" w:firstLine="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 заместител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5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 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10" w:right="93"/>
              <w:rPr>
                <w:sz w:val="24"/>
                <w:szCs w:val="24"/>
                <w:lang w:val="ru-RU"/>
              </w:rPr>
            </w:pPr>
          </w:p>
        </w:tc>
        <w:tc>
          <w:tcPr>
            <w:tcW w:w="147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3" w:right="8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977CC1">
        <w:trPr>
          <w:trHeight w:val="1365"/>
        </w:trPr>
        <w:tc>
          <w:tcPr>
            <w:tcW w:w="5922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70" w:right="368" w:hanging="67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спользование активных приемов обучения на уроках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усского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языка и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литературного чтения.</w:t>
            </w:r>
          </w:p>
        </w:tc>
        <w:tc>
          <w:tcPr>
            <w:tcW w:w="1557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53" w:right="281" w:hanging="144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198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1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ВР</w:t>
            </w:r>
          </w:p>
        </w:tc>
        <w:tc>
          <w:tcPr>
            <w:tcW w:w="147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3" w:right="8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  <w:tr w:rsidR="00D967C4" w:rsidRPr="00085F16" w:rsidTr="00977CC1">
        <w:trPr>
          <w:trHeight w:val="1094"/>
        </w:trPr>
        <w:tc>
          <w:tcPr>
            <w:tcW w:w="5922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63" w:right="15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Работа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о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опаганде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ЗОЖ</w:t>
            </w:r>
          </w:p>
        </w:tc>
        <w:tc>
          <w:tcPr>
            <w:tcW w:w="1557" w:type="dxa"/>
            <w:shd w:val="clear" w:color="auto" w:fill="auto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53" w:right="281" w:hanging="144"/>
              <w:jc w:val="center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198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6" w:right="9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10" w:right="9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-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</w:p>
        </w:tc>
        <w:tc>
          <w:tcPr>
            <w:tcW w:w="147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3" w:right="8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</w:tc>
      </w:tr>
    </w:tbl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9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86"/>
        <w:ind w:left="2238" w:right="2399"/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Апрель.</w:t>
      </w:r>
    </w:p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612"/>
        <w:gridCol w:w="1533"/>
        <w:gridCol w:w="1995"/>
        <w:gridCol w:w="1903"/>
      </w:tblGrid>
      <w:tr w:rsidR="00D967C4" w:rsidRPr="00085F16" w:rsidTr="004E5488">
        <w:trPr>
          <w:trHeight w:val="686"/>
        </w:trPr>
        <w:tc>
          <w:tcPr>
            <w:tcW w:w="11043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83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.</w:t>
            </w:r>
            <w:r w:rsidRPr="00085F16">
              <w:rPr>
                <w:spacing w:val="4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рганизационные</w:t>
            </w:r>
            <w:r w:rsidRPr="00085F16">
              <w:rPr>
                <w:spacing w:val="-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роприятия.</w:t>
            </w:r>
          </w:p>
        </w:tc>
      </w:tr>
      <w:tr w:rsidR="00D967C4" w:rsidRPr="00085F16" w:rsidTr="004E5488">
        <w:trPr>
          <w:trHeight w:val="3639"/>
        </w:trPr>
        <w:tc>
          <w:tcPr>
            <w:tcW w:w="5612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before="7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319" w:right="211" w:hanging="8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Проверка состояния </w:t>
            </w:r>
            <w:r w:rsidR="00977CC1" w:rsidRPr="00085F16">
              <w:rPr>
                <w:sz w:val="24"/>
                <w:szCs w:val="24"/>
                <w:lang w:val="ru-RU"/>
              </w:rPr>
              <w:t>эл.</w:t>
            </w:r>
            <w:r w:rsidRPr="00085F16">
              <w:rPr>
                <w:sz w:val="24"/>
                <w:szCs w:val="24"/>
                <w:lang w:val="ru-RU"/>
              </w:rPr>
              <w:t xml:space="preserve"> журналов (организация</w:t>
            </w:r>
            <w:r w:rsidRPr="00085F16">
              <w:rPr>
                <w:spacing w:val="-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вторения,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охождение</w:t>
            </w:r>
            <w:r w:rsidRPr="00085F16">
              <w:rPr>
                <w:spacing w:val="-6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ограммного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атериала)</w:t>
            </w:r>
          </w:p>
        </w:tc>
        <w:tc>
          <w:tcPr>
            <w:tcW w:w="1533" w:type="dxa"/>
          </w:tcPr>
          <w:p w:rsidR="00D967C4" w:rsidRPr="00085F16" w:rsidRDefault="00D967C4" w:rsidP="004E5488">
            <w:pPr>
              <w:pStyle w:val="TableParagraph"/>
              <w:spacing w:line="276" w:lineRule="auto"/>
              <w:ind w:left="436" w:right="266" w:hanging="14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В течение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есяца</w:t>
            </w:r>
          </w:p>
        </w:tc>
        <w:tc>
          <w:tcPr>
            <w:tcW w:w="199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10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6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</w:p>
          <w:p w:rsidR="00977CC1" w:rsidRPr="00085F16" w:rsidRDefault="00D967C4" w:rsidP="00085F16">
            <w:pPr>
              <w:pStyle w:val="TableParagraph"/>
              <w:spacing w:line="276" w:lineRule="auto"/>
              <w:ind w:left="133" w:right="124" w:hanging="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76" w:right="170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901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87" w:right="466" w:firstLine="52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Запись в</w:t>
            </w:r>
            <w:r w:rsidRPr="00085F16">
              <w:rPr>
                <w:spacing w:val="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журналах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220" w:right="180" w:bottom="0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579"/>
        <w:gridCol w:w="1525"/>
        <w:gridCol w:w="1984"/>
        <w:gridCol w:w="1888"/>
      </w:tblGrid>
      <w:tr w:rsidR="00D967C4" w:rsidRPr="00085F16" w:rsidTr="00D967C4">
        <w:trPr>
          <w:trHeight w:val="1946"/>
        </w:trPr>
        <w:tc>
          <w:tcPr>
            <w:tcW w:w="557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before="169" w:line="276" w:lineRule="auto"/>
              <w:ind w:left="117" w:right="10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еделя</w:t>
            </w:r>
            <w:r w:rsidRPr="00085F16">
              <w:rPr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естествознания.</w:t>
            </w:r>
          </w:p>
        </w:tc>
        <w:tc>
          <w:tcPr>
            <w:tcW w:w="152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9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06.04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-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331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1.04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19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5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10" w:right="10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 УВР</w:t>
            </w:r>
            <w:r w:rsidR="00977CC1" w:rsidRPr="00085F16">
              <w:rPr>
                <w:sz w:val="24"/>
                <w:szCs w:val="24"/>
                <w:lang w:val="ru-RU"/>
              </w:rPr>
              <w:t>;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09" w:right="10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О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right="104"/>
              <w:rPr>
                <w:sz w:val="24"/>
                <w:szCs w:val="24"/>
                <w:lang w:val="ru-RU"/>
              </w:rPr>
            </w:pPr>
          </w:p>
        </w:tc>
        <w:tc>
          <w:tcPr>
            <w:tcW w:w="18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34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35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 при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2236"/>
        </w:trPr>
        <w:tc>
          <w:tcPr>
            <w:tcW w:w="557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before="4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17" w:right="107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еделя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русского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языка</w:t>
            </w:r>
          </w:p>
        </w:tc>
        <w:tc>
          <w:tcPr>
            <w:tcW w:w="152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43" w:right="405" w:hanging="1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тора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19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10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1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</w:p>
          <w:p w:rsidR="00977CC1" w:rsidRPr="00085F16" w:rsidRDefault="00D967C4" w:rsidP="00085F16">
            <w:pPr>
              <w:pStyle w:val="TableParagraph"/>
              <w:spacing w:line="276" w:lineRule="auto"/>
              <w:ind w:left="110" w:right="10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УВР</w:t>
            </w:r>
          </w:p>
          <w:p w:rsidR="00977CC1" w:rsidRPr="00085F16" w:rsidRDefault="00977CC1" w:rsidP="00085F16">
            <w:pPr>
              <w:pStyle w:val="TableParagraph"/>
              <w:spacing w:before="40" w:line="276" w:lineRule="auto"/>
              <w:ind w:left="109" w:right="10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 </w:t>
            </w:r>
            <w:r w:rsidRPr="00085F16">
              <w:rPr>
                <w:sz w:val="24"/>
                <w:szCs w:val="24"/>
                <w:lang w:val="ru-RU"/>
              </w:rPr>
              <w:t>МО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76" w:right="170"/>
              <w:rPr>
                <w:sz w:val="24"/>
                <w:szCs w:val="24"/>
                <w:lang w:val="ru-RU"/>
              </w:rPr>
            </w:pPr>
          </w:p>
        </w:tc>
        <w:tc>
          <w:tcPr>
            <w:tcW w:w="18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34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35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 при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3108"/>
        </w:trPr>
        <w:tc>
          <w:tcPr>
            <w:tcW w:w="557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7" w:righ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дение годовых</w:t>
            </w:r>
            <w:r w:rsidRPr="00085F16">
              <w:rPr>
                <w:spacing w:val="5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онтрольных работ</w:t>
            </w:r>
            <w:r w:rsidRPr="00085F16">
              <w:rPr>
                <w:spacing w:val="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9,11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.</w:t>
            </w:r>
          </w:p>
        </w:tc>
        <w:tc>
          <w:tcPr>
            <w:tcW w:w="152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9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0.04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-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331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5.04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19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10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6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</w:p>
          <w:p w:rsidR="00977CC1" w:rsidRPr="00085F16" w:rsidRDefault="00D967C4" w:rsidP="00085F16">
            <w:pPr>
              <w:pStyle w:val="TableParagraph"/>
              <w:spacing w:line="276" w:lineRule="auto"/>
              <w:ind w:left="133" w:right="124" w:hanging="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76" w:right="170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8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34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7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35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 при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1341"/>
        </w:trPr>
        <w:tc>
          <w:tcPr>
            <w:tcW w:w="557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5" w:right="10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Третья</w:t>
            </w:r>
            <w:r w:rsidRPr="00085F16">
              <w:rPr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сихолого</w:t>
            </w:r>
            <w:r w:rsidRPr="00085F16">
              <w:rPr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–</w:t>
            </w:r>
            <w:r w:rsidRPr="00085F16">
              <w:rPr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едагогическая</w:t>
            </w:r>
            <w:r w:rsidRPr="00085F16">
              <w:rPr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агностика</w:t>
            </w:r>
          </w:p>
        </w:tc>
        <w:tc>
          <w:tcPr>
            <w:tcW w:w="152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26" w:right="11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25.04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.</w:t>
            </w:r>
          </w:p>
        </w:tc>
        <w:tc>
          <w:tcPr>
            <w:tcW w:w="19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30" w:right="122" w:hanging="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сихолог, учителя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1-х классов.</w:t>
            </w:r>
          </w:p>
        </w:tc>
        <w:tc>
          <w:tcPr>
            <w:tcW w:w="18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34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35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 при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1852"/>
        </w:trPr>
        <w:tc>
          <w:tcPr>
            <w:tcW w:w="557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708" w:right="495" w:hanging="1189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одготовка к итоговой аттестации в 4-х классах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(пробный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ониторинг)</w:t>
            </w:r>
          </w:p>
        </w:tc>
        <w:tc>
          <w:tcPr>
            <w:tcW w:w="152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43" w:right="234" w:hanging="18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следня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19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5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10" w:right="10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</w:p>
          <w:p w:rsidR="00D967C4" w:rsidRPr="00085F16" w:rsidRDefault="00D967C4" w:rsidP="00085F16">
            <w:pPr>
              <w:pStyle w:val="TableParagraph"/>
              <w:spacing w:before="201" w:line="276" w:lineRule="auto"/>
              <w:ind w:left="110" w:right="10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 МО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</w:p>
        </w:tc>
        <w:tc>
          <w:tcPr>
            <w:tcW w:w="18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34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35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 при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3400"/>
        </w:trPr>
        <w:tc>
          <w:tcPr>
            <w:tcW w:w="557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7" w:righ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одготовка и утверждение экзаменационного материала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 геометрии, английскому языку для 8,10 класса, 9,11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ы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 родному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языку.</w:t>
            </w:r>
          </w:p>
        </w:tc>
        <w:tc>
          <w:tcPr>
            <w:tcW w:w="152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23" w:right="11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5.04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198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5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10" w:right="10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 УВР</w:t>
            </w:r>
          </w:p>
          <w:p w:rsidR="00D967C4" w:rsidRPr="00085F16" w:rsidRDefault="00D967C4" w:rsidP="00085F16">
            <w:pPr>
              <w:pStyle w:val="TableParagraph"/>
              <w:spacing w:before="38" w:line="276" w:lineRule="auto"/>
              <w:ind w:left="121" w:right="114" w:firstLine="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О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93" w:right="184" w:firstLine="52"/>
              <w:jc w:val="both"/>
              <w:rPr>
                <w:sz w:val="24"/>
                <w:szCs w:val="24"/>
                <w:lang w:val="ru-RU"/>
              </w:rPr>
            </w:pPr>
          </w:p>
        </w:tc>
        <w:tc>
          <w:tcPr>
            <w:tcW w:w="188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34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235" w:right="22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 при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832"/>
        </w:trPr>
        <w:tc>
          <w:tcPr>
            <w:tcW w:w="10976" w:type="dxa"/>
            <w:gridSpan w:val="4"/>
          </w:tcPr>
          <w:p w:rsidR="00D967C4" w:rsidRPr="00085F16" w:rsidRDefault="00D967C4" w:rsidP="00085F16">
            <w:pPr>
              <w:pStyle w:val="TableParagraph"/>
              <w:spacing w:before="157" w:line="276" w:lineRule="auto"/>
              <w:ind w:left="4143"/>
              <w:rPr>
                <w:b/>
                <w:sz w:val="24"/>
                <w:szCs w:val="24"/>
              </w:rPr>
            </w:pPr>
            <w:r w:rsidRPr="00085F16">
              <w:rPr>
                <w:b/>
                <w:sz w:val="24"/>
                <w:szCs w:val="24"/>
              </w:rPr>
              <w:t>2.</w:t>
            </w:r>
            <w:r w:rsidRPr="00085F16">
              <w:rPr>
                <w:b/>
                <w:spacing w:val="45"/>
                <w:sz w:val="24"/>
                <w:szCs w:val="24"/>
              </w:rPr>
              <w:t xml:space="preserve"> </w:t>
            </w:r>
            <w:r w:rsidRPr="00085F16">
              <w:rPr>
                <w:b/>
                <w:sz w:val="24"/>
                <w:szCs w:val="24"/>
              </w:rPr>
              <w:t>Тематические</w:t>
            </w:r>
            <w:r w:rsidRPr="00085F16">
              <w:rPr>
                <w:b/>
                <w:spacing w:val="-3"/>
                <w:sz w:val="24"/>
                <w:szCs w:val="24"/>
              </w:rPr>
              <w:t xml:space="preserve"> </w:t>
            </w:r>
            <w:r w:rsidRPr="00085F16">
              <w:rPr>
                <w:b/>
                <w:sz w:val="24"/>
                <w:szCs w:val="24"/>
              </w:rPr>
              <w:t>проверки.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220" w:right="180" w:bottom="280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579"/>
        <w:gridCol w:w="1525"/>
        <w:gridCol w:w="1984"/>
        <w:gridCol w:w="1888"/>
      </w:tblGrid>
      <w:tr w:rsidR="00D967C4" w:rsidRPr="00085F16" w:rsidTr="00977CC1">
        <w:trPr>
          <w:trHeight w:val="3400"/>
        </w:trPr>
        <w:tc>
          <w:tcPr>
            <w:tcW w:w="5579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hd w:val="clear" w:color="auto" w:fill="FFFFFF" w:themeFill="background1"/>
              <w:spacing w:line="276" w:lineRule="auto"/>
              <w:ind w:left="127" w:right="109" w:firstLine="427"/>
              <w:rPr>
                <w:b/>
                <w:sz w:val="24"/>
                <w:szCs w:val="24"/>
                <w:lang w:val="ru-RU"/>
              </w:rPr>
            </w:pPr>
            <w:r w:rsidRPr="00085F16">
              <w:rPr>
                <w:b/>
                <w:sz w:val="24"/>
                <w:szCs w:val="24"/>
                <w:lang w:val="ru-RU"/>
              </w:rPr>
              <w:lastRenderedPageBreak/>
              <w:t>Классно-обобщающий</w:t>
            </w:r>
            <w:r w:rsidRPr="00085F16">
              <w:rPr>
                <w:b/>
                <w:spacing w:val="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контроль</w:t>
            </w:r>
            <w:r w:rsidRPr="00085F16">
              <w:rPr>
                <w:b/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в</w:t>
            </w:r>
            <w:r w:rsidRPr="00085F16">
              <w:rPr>
                <w:b/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4,</w:t>
            </w:r>
            <w:r w:rsidRPr="00085F16">
              <w:rPr>
                <w:b/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10-х</w:t>
            </w:r>
            <w:r w:rsidRPr="00085F16">
              <w:rPr>
                <w:b/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классах</w:t>
            </w:r>
            <w:r w:rsidRPr="00085F16">
              <w:rPr>
                <w:b/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со</w:t>
            </w:r>
            <w:r w:rsidRPr="00085F16">
              <w:rPr>
                <w:b/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срезовым</w:t>
            </w:r>
            <w:r w:rsidRPr="00085F16">
              <w:rPr>
                <w:b/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тестом</w:t>
            </w:r>
            <w:r w:rsidRPr="00085F16">
              <w:rPr>
                <w:b/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по</w:t>
            </w:r>
            <w:r w:rsidRPr="00085F16">
              <w:rPr>
                <w:b/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материалам</w:t>
            </w:r>
            <w:r w:rsidRPr="00085F16">
              <w:rPr>
                <w:b/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b/>
                <w:sz w:val="24"/>
                <w:szCs w:val="24"/>
                <w:lang w:val="ru-RU"/>
              </w:rPr>
              <w:t>ЕГЭ.</w:t>
            </w:r>
          </w:p>
        </w:tc>
        <w:tc>
          <w:tcPr>
            <w:tcW w:w="1525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hd w:val="clear" w:color="auto" w:fill="FFFFFF" w:themeFill="background1"/>
              <w:spacing w:line="276" w:lineRule="auto"/>
              <w:ind w:left="436" w:right="266" w:hanging="14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1984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hd w:val="clear" w:color="auto" w:fill="FFFFFF" w:themeFill="background1"/>
              <w:spacing w:line="276" w:lineRule="auto"/>
              <w:ind w:left="110" w:right="10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-1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</w:t>
            </w:r>
          </w:p>
          <w:p w:rsidR="00977CC1" w:rsidRPr="00085F16" w:rsidRDefault="00D967C4" w:rsidP="00085F16">
            <w:pPr>
              <w:pStyle w:val="TableParagraph"/>
              <w:shd w:val="clear" w:color="auto" w:fill="FFFFFF" w:themeFill="background1"/>
              <w:spacing w:line="276" w:lineRule="auto"/>
              <w:ind w:left="133" w:right="124" w:hanging="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УВР</w:t>
            </w:r>
            <w:r w:rsidR="00977CC1" w:rsidRPr="00085F16">
              <w:rPr>
                <w:sz w:val="24"/>
                <w:szCs w:val="24"/>
                <w:lang w:val="ru-RU"/>
              </w:rPr>
              <w:t>;</w:t>
            </w:r>
          </w:p>
          <w:p w:rsidR="00D967C4" w:rsidRPr="00085F16" w:rsidRDefault="00D967C4" w:rsidP="00085F16">
            <w:pPr>
              <w:pStyle w:val="TableParagraph"/>
              <w:shd w:val="clear" w:color="auto" w:fill="FFFFFF" w:themeFill="background1"/>
              <w:spacing w:line="276" w:lineRule="auto"/>
              <w:ind w:left="133" w:right="124" w:hanging="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иректора</w:t>
            </w:r>
            <w:r w:rsidRPr="00085F16">
              <w:rPr>
                <w:spacing w:val="5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 ВР</w:t>
            </w:r>
          </w:p>
          <w:p w:rsidR="00D967C4" w:rsidRPr="00085F16" w:rsidRDefault="00D967C4" w:rsidP="00085F16">
            <w:pPr>
              <w:pStyle w:val="TableParagraph"/>
              <w:shd w:val="clear" w:color="auto" w:fill="FFFFFF" w:themeFill="background1"/>
              <w:spacing w:line="276" w:lineRule="auto"/>
              <w:ind w:left="109" w:right="104"/>
              <w:rPr>
                <w:sz w:val="24"/>
                <w:szCs w:val="24"/>
                <w:lang w:val="ru-RU"/>
              </w:rPr>
            </w:pPr>
          </w:p>
        </w:tc>
        <w:tc>
          <w:tcPr>
            <w:tcW w:w="1888" w:type="dxa"/>
            <w:shd w:val="clear" w:color="auto" w:fill="auto"/>
          </w:tcPr>
          <w:p w:rsidR="00D967C4" w:rsidRPr="00085F16" w:rsidRDefault="00D967C4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</w:rPr>
              <w:t>Справка.</w:t>
            </w: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hd w:val="clear" w:color="auto" w:fill="FFFFFF" w:themeFill="background1"/>
              <w:spacing w:line="276" w:lineRule="auto"/>
              <w:ind w:left="523"/>
              <w:rPr>
                <w:sz w:val="24"/>
                <w:szCs w:val="24"/>
                <w:lang w:val="ru-RU"/>
              </w:rPr>
            </w:pPr>
          </w:p>
        </w:tc>
      </w:tr>
    </w:tbl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9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86"/>
        <w:ind w:left="2238" w:right="2398"/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Май.</w:t>
      </w:r>
    </w:p>
    <w:p w:rsidR="00D967C4" w:rsidRPr="00085F16" w:rsidRDefault="00D967C4" w:rsidP="00085F16">
      <w:pPr>
        <w:pStyle w:val="ab"/>
        <w:spacing w:before="11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696"/>
        <w:gridCol w:w="1510"/>
        <w:gridCol w:w="2045"/>
        <w:gridCol w:w="1644"/>
      </w:tblGrid>
      <w:tr w:rsidR="00D967C4" w:rsidRPr="00085F16" w:rsidTr="00D967C4">
        <w:trPr>
          <w:trHeight w:val="551"/>
        </w:trPr>
        <w:tc>
          <w:tcPr>
            <w:tcW w:w="10895" w:type="dxa"/>
            <w:gridSpan w:val="4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380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.</w:t>
            </w:r>
            <w:r w:rsidRPr="00085F16">
              <w:rPr>
                <w:spacing w:val="4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Организационные</w:t>
            </w:r>
            <w:r w:rsidRPr="00085F16">
              <w:rPr>
                <w:spacing w:val="-5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роприятия.</w:t>
            </w:r>
          </w:p>
        </w:tc>
      </w:tr>
      <w:tr w:rsidR="00D967C4" w:rsidRPr="00085F16" w:rsidTr="00D967C4">
        <w:trPr>
          <w:trHeight w:val="2820"/>
        </w:trPr>
        <w:tc>
          <w:tcPr>
            <w:tcW w:w="569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709" w:hanging="252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дение годовых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онтрольных работ 2,3,4,5,6,7,8,10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</w:t>
            </w:r>
          </w:p>
        </w:tc>
        <w:tc>
          <w:tcPr>
            <w:tcW w:w="151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151"/>
              <w:jc w:val="right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</w:rPr>
              <w:t>До 23.05.2</w:t>
            </w:r>
            <w:r w:rsidR="004F1848" w:rsidRPr="00085F16">
              <w:rPr>
                <w:sz w:val="24"/>
                <w:szCs w:val="24"/>
                <w:lang w:val="ru-RU"/>
              </w:rPr>
              <w:t>3г</w:t>
            </w:r>
          </w:p>
        </w:tc>
        <w:tc>
          <w:tcPr>
            <w:tcW w:w="204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977CC1" w:rsidRPr="00085F16" w:rsidRDefault="00977CC1" w:rsidP="00085F16">
            <w:pPr>
              <w:pStyle w:val="TableParagraph"/>
              <w:spacing w:before="37" w:line="276" w:lineRule="auto"/>
              <w:ind w:left="108" w:right="9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17" w:right="107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64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3" w:right="1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15" w:right="1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 при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2817"/>
        </w:trPr>
        <w:tc>
          <w:tcPr>
            <w:tcW w:w="5696" w:type="dxa"/>
          </w:tcPr>
          <w:p w:rsidR="00D967C4" w:rsidRPr="00085F16" w:rsidRDefault="00977CC1" w:rsidP="00085F16">
            <w:pPr>
              <w:pStyle w:val="TableParagraph"/>
              <w:spacing w:line="276" w:lineRule="auto"/>
              <w:ind w:left="1111" w:right="752" w:hanging="33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Проверка эл.</w:t>
            </w:r>
            <w:r w:rsidR="00D967C4" w:rsidRPr="00085F16">
              <w:rPr>
                <w:sz w:val="24"/>
                <w:szCs w:val="24"/>
                <w:lang w:val="ru-RU"/>
              </w:rPr>
              <w:t xml:space="preserve"> журналов (оформление,</w:t>
            </w:r>
            <w:r w:rsidR="00D967C4"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="00D967C4" w:rsidRPr="00085F16">
              <w:rPr>
                <w:sz w:val="24"/>
                <w:szCs w:val="24"/>
                <w:lang w:val="ru-RU"/>
              </w:rPr>
              <w:t>объективность</w:t>
            </w:r>
            <w:r w:rsidR="00D967C4"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="00D967C4" w:rsidRPr="00085F16">
              <w:rPr>
                <w:sz w:val="24"/>
                <w:szCs w:val="24"/>
                <w:lang w:val="ru-RU"/>
              </w:rPr>
              <w:t>выставления</w:t>
            </w:r>
            <w:r w:rsidR="00D967C4"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="00D967C4" w:rsidRPr="00085F16">
              <w:rPr>
                <w:sz w:val="24"/>
                <w:szCs w:val="24"/>
                <w:lang w:val="ru-RU"/>
              </w:rPr>
              <w:t>оценок).</w:t>
            </w:r>
          </w:p>
        </w:tc>
        <w:tc>
          <w:tcPr>
            <w:tcW w:w="151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100"/>
              <w:jc w:val="right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о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23.05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  <w:lang w:val="ru-RU"/>
              </w:rPr>
              <w:t>г</w:t>
            </w:r>
          </w:p>
        </w:tc>
        <w:tc>
          <w:tcPr>
            <w:tcW w:w="204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977CC1" w:rsidRPr="00085F16" w:rsidRDefault="00D967C4" w:rsidP="00085F16">
            <w:pPr>
              <w:pStyle w:val="TableParagraph"/>
              <w:spacing w:before="37" w:line="276" w:lineRule="auto"/>
              <w:ind w:left="108" w:right="9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17" w:right="107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64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5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</w:t>
            </w:r>
          </w:p>
        </w:tc>
      </w:tr>
      <w:tr w:rsidR="00D967C4" w:rsidRPr="00085F16" w:rsidTr="00D967C4">
        <w:trPr>
          <w:trHeight w:val="2819"/>
        </w:trPr>
        <w:tc>
          <w:tcPr>
            <w:tcW w:w="569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62" w:right="15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аспределение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нагрузки</w:t>
            </w:r>
            <w:r w:rsidRPr="00085F16">
              <w:rPr>
                <w:spacing w:val="-5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на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202</w:t>
            </w:r>
            <w:r w:rsidR="00977CC1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  <w:lang w:val="ru-RU"/>
              </w:rPr>
              <w:t>-202</w:t>
            </w:r>
            <w:r w:rsidR="00977CC1" w:rsidRPr="00085F16">
              <w:rPr>
                <w:sz w:val="24"/>
                <w:szCs w:val="24"/>
                <w:lang w:val="ru-RU"/>
              </w:rPr>
              <w:t>4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.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год.</w:t>
            </w:r>
          </w:p>
        </w:tc>
        <w:tc>
          <w:tcPr>
            <w:tcW w:w="151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47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4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977CC1" w:rsidRPr="00085F16" w:rsidRDefault="00D967C4" w:rsidP="00085F16">
            <w:pPr>
              <w:pStyle w:val="TableParagraph"/>
              <w:spacing w:before="40" w:line="276" w:lineRule="auto"/>
              <w:ind w:left="108" w:right="9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17" w:right="107" w:firstLine="1"/>
              <w:rPr>
                <w:sz w:val="24"/>
                <w:szCs w:val="24"/>
                <w:lang w:val="ru-RU"/>
              </w:rPr>
            </w:pPr>
          </w:p>
        </w:tc>
        <w:tc>
          <w:tcPr>
            <w:tcW w:w="164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71" w:right="260" w:firstLine="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нагрузка на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2020-2021г.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220" w:right="180" w:bottom="280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696"/>
        <w:gridCol w:w="1510"/>
        <w:gridCol w:w="2045"/>
        <w:gridCol w:w="1644"/>
      </w:tblGrid>
      <w:tr w:rsidR="00D967C4" w:rsidRPr="00085F16" w:rsidTr="00D967C4">
        <w:trPr>
          <w:trHeight w:val="1365"/>
        </w:trPr>
        <w:tc>
          <w:tcPr>
            <w:tcW w:w="569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60" w:right="15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lastRenderedPageBreak/>
              <w:t>Проведение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ереводных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экзаменов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о геометрии,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62" w:right="15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английскому языку в 8-х,10-х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классах (промежуточная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аттестация)</w:t>
            </w:r>
          </w:p>
        </w:tc>
        <w:tc>
          <w:tcPr>
            <w:tcW w:w="151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7.05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-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1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30.05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.,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о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1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графику</w:t>
            </w:r>
          </w:p>
        </w:tc>
        <w:tc>
          <w:tcPr>
            <w:tcW w:w="204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08" w:right="9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64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2" w:right="1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отоколы</w:t>
            </w:r>
          </w:p>
        </w:tc>
      </w:tr>
      <w:tr w:rsidR="00D967C4" w:rsidRPr="00085F16" w:rsidTr="00D967C4">
        <w:trPr>
          <w:trHeight w:val="1852"/>
        </w:trPr>
        <w:tc>
          <w:tcPr>
            <w:tcW w:w="569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62" w:right="15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Тестирование по оценке образовательных достижений</w:t>
            </w:r>
            <w:r w:rsidRPr="00085F16">
              <w:rPr>
                <w:spacing w:val="-5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ля обучающихся 4-х классов с целью определения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ровня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формированности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знаний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и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ереходе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62" w:right="152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учащихся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в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ятый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класс</w:t>
            </w:r>
          </w:p>
        </w:tc>
        <w:tc>
          <w:tcPr>
            <w:tcW w:w="151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15.05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.</w:t>
            </w:r>
          </w:p>
        </w:tc>
        <w:tc>
          <w:tcPr>
            <w:tcW w:w="204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pacing w:line="276" w:lineRule="auto"/>
              <w:ind w:left="108" w:right="9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;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8" w:right="9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Руководитель МО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</w:p>
        </w:tc>
        <w:tc>
          <w:tcPr>
            <w:tcW w:w="164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456" w:right="78" w:hanging="34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Аналитическа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справка</w:t>
            </w:r>
          </w:p>
        </w:tc>
      </w:tr>
      <w:tr w:rsidR="00D967C4" w:rsidRPr="00085F16" w:rsidTr="00D967C4">
        <w:trPr>
          <w:trHeight w:val="1274"/>
        </w:trPr>
        <w:tc>
          <w:tcPr>
            <w:tcW w:w="569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62" w:right="153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Организация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оведение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аздника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сетинского</w:t>
            </w:r>
            <w:r w:rsidRPr="00085F16">
              <w:rPr>
                <w:spacing w:val="-5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языка</w:t>
            </w:r>
          </w:p>
        </w:tc>
        <w:tc>
          <w:tcPr>
            <w:tcW w:w="151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15.05.2</w:t>
            </w:r>
            <w:r w:rsidR="004F1848" w:rsidRPr="00085F16">
              <w:rPr>
                <w:sz w:val="24"/>
                <w:szCs w:val="24"/>
                <w:lang w:val="ru-RU"/>
              </w:rPr>
              <w:t>3г</w:t>
            </w:r>
            <w:r w:rsidRPr="00085F16">
              <w:rPr>
                <w:sz w:val="24"/>
                <w:szCs w:val="24"/>
              </w:rPr>
              <w:t>.</w:t>
            </w:r>
          </w:p>
        </w:tc>
        <w:tc>
          <w:tcPr>
            <w:tcW w:w="2045" w:type="dxa"/>
          </w:tcPr>
          <w:p w:rsidR="00977CC1" w:rsidRPr="00085F16" w:rsidRDefault="00977CC1" w:rsidP="00085F16">
            <w:pPr>
              <w:pStyle w:val="TableParagraph"/>
              <w:spacing w:line="276" w:lineRule="auto"/>
              <w:ind w:right="9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977CC1" w:rsidRPr="00085F16" w:rsidRDefault="00977CC1" w:rsidP="00085F16">
            <w:pPr>
              <w:pStyle w:val="TableParagraph"/>
              <w:spacing w:before="6" w:line="276" w:lineRule="auto"/>
              <w:rPr>
                <w:sz w:val="24"/>
                <w:szCs w:val="24"/>
                <w:lang w:val="ru-RU"/>
              </w:rPr>
            </w:pPr>
          </w:p>
          <w:p w:rsidR="00977CC1" w:rsidRPr="00085F16" w:rsidRDefault="00977CC1" w:rsidP="00085F16">
            <w:pPr>
              <w:pStyle w:val="TableParagraph"/>
              <w:spacing w:line="276" w:lineRule="auto"/>
              <w:ind w:left="108" w:right="94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;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208" w:right="199"/>
              <w:rPr>
                <w:sz w:val="24"/>
                <w:szCs w:val="24"/>
                <w:lang w:val="ru-RU"/>
              </w:rPr>
            </w:pPr>
          </w:p>
        </w:tc>
        <w:tc>
          <w:tcPr>
            <w:tcW w:w="164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3" w:right="1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15" w:right="1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 при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1072"/>
        </w:trPr>
        <w:tc>
          <w:tcPr>
            <w:tcW w:w="569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62" w:right="151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роведение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роприятий,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освященных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ВОВ</w:t>
            </w:r>
          </w:p>
        </w:tc>
        <w:tc>
          <w:tcPr>
            <w:tcW w:w="151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475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4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08" w:right="9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</w:t>
            </w:r>
          </w:p>
        </w:tc>
        <w:tc>
          <w:tcPr>
            <w:tcW w:w="164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5" w:right="1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правка</w:t>
            </w:r>
          </w:p>
        </w:tc>
      </w:tr>
      <w:tr w:rsidR="00D967C4" w:rsidRPr="00085F16" w:rsidTr="00D967C4">
        <w:trPr>
          <w:trHeight w:val="1273"/>
        </w:trPr>
        <w:tc>
          <w:tcPr>
            <w:tcW w:w="5696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61" w:right="15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Организация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аздника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«Последний</w:t>
            </w:r>
            <w:r w:rsidRPr="00085F16">
              <w:rPr>
                <w:spacing w:val="-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звонок»</w:t>
            </w:r>
          </w:p>
        </w:tc>
        <w:tc>
          <w:tcPr>
            <w:tcW w:w="1510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23.05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.</w:t>
            </w:r>
          </w:p>
        </w:tc>
        <w:tc>
          <w:tcPr>
            <w:tcW w:w="2045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97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08" w:right="9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</w:t>
            </w:r>
          </w:p>
        </w:tc>
        <w:tc>
          <w:tcPr>
            <w:tcW w:w="1644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3" w:right="1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15" w:right="1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 при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директоре.</w:t>
            </w:r>
          </w:p>
        </w:tc>
      </w:tr>
    </w:tbl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rPr>
          <w:rFonts w:ascii="Times New Roman" w:hAnsi="Times New Roman" w:cs="Times New Roman"/>
          <w:sz w:val="24"/>
          <w:szCs w:val="24"/>
        </w:rPr>
      </w:pPr>
    </w:p>
    <w:p w:rsidR="00D967C4" w:rsidRPr="00085F16" w:rsidRDefault="00D967C4" w:rsidP="00085F16">
      <w:pPr>
        <w:pStyle w:val="ab"/>
        <w:spacing w:before="211"/>
        <w:ind w:left="2237" w:right="2399"/>
        <w:jc w:val="center"/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Июнь.</w:t>
      </w:r>
    </w:p>
    <w:p w:rsidR="00D967C4" w:rsidRPr="00085F16" w:rsidRDefault="00D967C4" w:rsidP="00085F16">
      <w:pPr>
        <w:pStyle w:val="ab"/>
        <w:spacing w:before="11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869"/>
        <w:gridCol w:w="1538"/>
        <w:gridCol w:w="2098"/>
        <w:gridCol w:w="1483"/>
      </w:tblGrid>
      <w:tr w:rsidR="00D967C4" w:rsidRPr="00085F16" w:rsidTr="00D967C4">
        <w:trPr>
          <w:trHeight w:val="2817"/>
        </w:trPr>
        <w:tc>
          <w:tcPr>
            <w:tcW w:w="586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онтроль над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школьной документацией: журналы, личные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дела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ащихся</w:t>
            </w:r>
          </w:p>
        </w:tc>
        <w:tc>
          <w:tcPr>
            <w:tcW w:w="15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5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9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977CC1" w:rsidRPr="00085F16" w:rsidRDefault="00D967C4" w:rsidP="00085F16">
            <w:pPr>
              <w:pStyle w:val="TableParagraph"/>
              <w:spacing w:before="38" w:line="276" w:lineRule="auto"/>
              <w:ind w:left="108" w:right="16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8" w:right="87"/>
              <w:rPr>
                <w:sz w:val="24"/>
                <w:szCs w:val="24"/>
                <w:lang w:val="ru-RU"/>
              </w:rPr>
            </w:pPr>
          </w:p>
        </w:tc>
        <w:tc>
          <w:tcPr>
            <w:tcW w:w="148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1074"/>
        </w:trPr>
        <w:tc>
          <w:tcPr>
            <w:tcW w:w="586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Организация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аботы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летнего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здоровительного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лагеря.</w:t>
            </w:r>
          </w:p>
        </w:tc>
        <w:tc>
          <w:tcPr>
            <w:tcW w:w="15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5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9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08" w:right="321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</w:t>
            </w:r>
          </w:p>
        </w:tc>
        <w:tc>
          <w:tcPr>
            <w:tcW w:w="148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202" w:line="276" w:lineRule="auto"/>
              <w:ind w:left="89" w:right="7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220" w:right="180" w:bottom="0" w:left="340" w:header="720" w:footer="720" w:gutter="0"/>
          <w:cols w:space="720"/>
        </w:sectPr>
      </w:pPr>
    </w:p>
    <w:tbl>
      <w:tblPr>
        <w:tblStyle w:val="TableNormal"/>
        <w:tblW w:w="0" w:type="auto"/>
        <w:tblInd w:w="12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5869"/>
        <w:gridCol w:w="1538"/>
        <w:gridCol w:w="2098"/>
        <w:gridCol w:w="1483"/>
      </w:tblGrid>
      <w:tr w:rsidR="00D967C4" w:rsidRPr="00085F16" w:rsidTr="00D967C4">
        <w:trPr>
          <w:trHeight w:val="491"/>
        </w:trPr>
        <w:tc>
          <w:tcPr>
            <w:tcW w:w="586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15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209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</w:p>
        </w:tc>
        <w:tc>
          <w:tcPr>
            <w:tcW w:w="148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23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3691"/>
        </w:trPr>
        <w:tc>
          <w:tcPr>
            <w:tcW w:w="586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Итоговые заседания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МС</w:t>
            </w:r>
            <w:r w:rsidRPr="00085F16">
              <w:rPr>
                <w:spacing w:val="-3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и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ШМО</w:t>
            </w:r>
          </w:p>
        </w:tc>
        <w:tc>
          <w:tcPr>
            <w:tcW w:w="15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392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Последняя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неделя</w:t>
            </w:r>
          </w:p>
        </w:tc>
        <w:tc>
          <w:tcPr>
            <w:tcW w:w="209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08" w:right="16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  <w:r w:rsidR="00977CC1" w:rsidRPr="00085F16">
              <w:rPr>
                <w:sz w:val="24"/>
                <w:szCs w:val="24"/>
                <w:lang w:val="ru-RU"/>
              </w:rPr>
              <w:t>;</w:t>
            </w:r>
          </w:p>
          <w:p w:rsidR="00D967C4" w:rsidRPr="00085F16" w:rsidRDefault="00D967C4" w:rsidP="00085F16">
            <w:pPr>
              <w:pStyle w:val="TableParagraph"/>
              <w:spacing w:before="1"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38" w:line="276" w:lineRule="auto"/>
              <w:ind w:left="108" w:right="2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директора по ВР </w:t>
            </w:r>
          </w:p>
        </w:tc>
        <w:tc>
          <w:tcPr>
            <w:tcW w:w="148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1564"/>
        </w:trPr>
        <w:tc>
          <w:tcPr>
            <w:tcW w:w="586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27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Определение рейтинга учащихся за год согласно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ограмме « Качество образования: механизм реализации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бразовательных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тандартов»</w:t>
            </w:r>
          </w:p>
        </w:tc>
        <w:tc>
          <w:tcPr>
            <w:tcW w:w="15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503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 тече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месяца</w:t>
            </w:r>
          </w:p>
        </w:tc>
        <w:tc>
          <w:tcPr>
            <w:tcW w:w="209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  <w:lang w:val="ru-RU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108" w:right="16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</w:p>
        </w:tc>
        <w:tc>
          <w:tcPr>
            <w:tcW w:w="148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2725"/>
        </w:trPr>
        <w:tc>
          <w:tcPr>
            <w:tcW w:w="586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112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онтроль над заполнением аттестатов об основном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бщем,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среднем</w:t>
            </w:r>
            <w:r w:rsidRPr="00085F16">
              <w:rPr>
                <w:spacing w:val="55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бщем образовании: проверка соответствия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оценок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журналах, книге</w:t>
            </w:r>
            <w:r w:rsidRPr="00085F16">
              <w:rPr>
                <w:spacing w:val="-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выдачи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аттестатов, в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аттестатах</w:t>
            </w:r>
          </w:p>
        </w:tc>
        <w:tc>
          <w:tcPr>
            <w:tcW w:w="15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25.06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209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D967C4" w:rsidRPr="00085F16" w:rsidRDefault="00D967C4" w:rsidP="00085F16">
            <w:pPr>
              <w:pStyle w:val="TableParagraph"/>
              <w:spacing w:before="37" w:line="276" w:lineRule="auto"/>
              <w:ind w:left="108" w:right="16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</w:t>
            </w:r>
            <w:r w:rsidR="00977CC1" w:rsidRPr="00085F16">
              <w:rPr>
                <w:sz w:val="24"/>
                <w:szCs w:val="24"/>
                <w:lang w:val="ru-RU"/>
              </w:rPr>
              <w:t xml:space="preserve">тора по УВР; </w:t>
            </w:r>
            <w:r w:rsidRPr="00085F16">
              <w:rPr>
                <w:sz w:val="24"/>
                <w:szCs w:val="24"/>
                <w:lang w:val="ru-RU"/>
              </w:rPr>
              <w:t>классные</w:t>
            </w:r>
            <w:r w:rsidRPr="00085F16">
              <w:rPr>
                <w:spacing w:val="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руководители</w:t>
            </w:r>
          </w:p>
          <w:p w:rsidR="00D967C4" w:rsidRPr="00085F16" w:rsidRDefault="00D967C4" w:rsidP="00085F16">
            <w:pPr>
              <w:pStyle w:val="TableParagraph"/>
              <w:spacing w:before="201"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9,</w:t>
            </w:r>
            <w:r w:rsidRPr="00085F16">
              <w:rPr>
                <w:spacing w:val="-1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11-ых классов</w:t>
            </w:r>
          </w:p>
        </w:tc>
        <w:tc>
          <w:tcPr>
            <w:tcW w:w="148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6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153F86">
        <w:trPr>
          <w:trHeight w:val="2034"/>
        </w:trPr>
        <w:tc>
          <w:tcPr>
            <w:tcW w:w="586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Вручение</w:t>
            </w:r>
            <w:r w:rsidRPr="00085F16">
              <w:rPr>
                <w:spacing w:val="-1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аттестатов</w:t>
            </w:r>
          </w:p>
        </w:tc>
        <w:tc>
          <w:tcPr>
            <w:tcW w:w="15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 w:right="518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гласно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казу</w:t>
            </w:r>
          </w:p>
        </w:tc>
        <w:tc>
          <w:tcPr>
            <w:tcW w:w="209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08" w:right="16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УВР</w:t>
            </w:r>
            <w:r w:rsidR="00977CC1" w:rsidRPr="00085F16">
              <w:rPr>
                <w:sz w:val="24"/>
                <w:szCs w:val="24"/>
                <w:lang w:val="ru-RU"/>
              </w:rPr>
              <w:t>;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ь</w:t>
            </w:r>
          </w:p>
          <w:p w:rsidR="00D967C4" w:rsidRPr="00085F16" w:rsidRDefault="00D967C4" w:rsidP="00085F16">
            <w:pPr>
              <w:pStyle w:val="TableParagraph"/>
              <w:spacing w:before="40" w:line="276" w:lineRule="auto"/>
              <w:ind w:left="108" w:right="230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 xml:space="preserve">директора по ВР </w:t>
            </w:r>
          </w:p>
        </w:tc>
        <w:tc>
          <w:tcPr>
            <w:tcW w:w="148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9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  <w:tr w:rsidR="00D967C4" w:rsidRPr="00085F16" w:rsidTr="00D967C4">
        <w:trPr>
          <w:trHeight w:val="2820"/>
        </w:trPr>
        <w:tc>
          <w:tcPr>
            <w:tcW w:w="5869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right="586"/>
              <w:jc w:val="both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Контроль за состоянием учебных кабинетов. Проверка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проведения ремонта и подготовки кабинетов к новому</w:t>
            </w:r>
            <w:r w:rsidRPr="00085F16">
              <w:rPr>
                <w:spacing w:val="-52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учебному</w:t>
            </w:r>
            <w:r w:rsidRPr="00085F16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085F16">
              <w:rPr>
                <w:sz w:val="24"/>
                <w:szCs w:val="24"/>
                <w:lang w:val="ru-RU"/>
              </w:rPr>
              <w:t>году</w:t>
            </w:r>
          </w:p>
        </w:tc>
        <w:tc>
          <w:tcPr>
            <w:tcW w:w="153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10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о 29.06.2</w:t>
            </w:r>
            <w:r w:rsidR="004F1848" w:rsidRPr="00085F16">
              <w:rPr>
                <w:sz w:val="24"/>
                <w:szCs w:val="24"/>
                <w:lang w:val="ru-RU"/>
              </w:rPr>
              <w:t>3</w:t>
            </w:r>
            <w:r w:rsidRPr="00085F16">
              <w:rPr>
                <w:sz w:val="24"/>
                <w:szCs w:val="24"/>
              </w:rPr>
              <w:t>г</w:t>
            </w:r>
          </w:p>
        </w:tc>
        <w:tc>
          <w:tcPr>
            <w:tcW w:w="2098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108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Заместители</w:t>
            </w:r>
          </w:p>
          <w:p w:rsidR="00977CC1" w:rsidRPr="00085F16" w:rsidRDefault="00977CC1" w:rsidP="00085F16">
            <w:pPr>
              <w:pStyle w:val="TableParagraph"/>
              <w:spacing w:before="37" w:line="276" w:lineRule="auto"/>
              <w:ind w:left="108" w:right="166"/>
              <w:rPr>
                <w:sz w:val="24"/>
                <w:szCs w:val="24"/>
                <w:lang w:val="ru-RU"/>
              </w:rPr>
            </w:pPr>
            <w:r w:rsidRPr="00085F16">
              <w:rPr>
                <w:sz w:val="24"/>
                <w:szCs w:val="24"/>
                <w:lang w:val="ru-RU"/>
              </w:rPr>
              <w:t>директора по ВР</w:t>
            </w:r>
          </w:p>
          <w:p w:rsidR="00D967C4" w:rsidRPr="00085F16" w:rsidRDefault="00D967C4" w:rsidP="00085F16">
            <w:pPr>
              <w:pStyle w:val="TableParagraph"/>
              <w:spacing w:line="276" w:lineRule="auto"/>
              <w:ind w:left="108" w:right="87"/>
              <w:rPr>
                <w:sz w:val="24"/>
                <w:szCs w:val="24"/>
                <w:lang w:val="ru-RU"/>
              </w:rPr>
            </w:pPr>
          </w:p>
        </w:tc>
        <w:tc>
          <w:tcPr>
            <w:tcW w:w="1483" w:type="dxa"/>
          </w:tcPr>
          <w:p w:rsidR="00D967C4" w:rsidRPr="00085F16" w:rsidRDefault="00D967C4" w:rsidP="00085F16">
            <w:pPr>
              <w:pStyle w:val="TableParagraph"/>
              <w:spacing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Информация,</w:t>
            </w:r>
          </w:p>
          <w:p w:rsidR="00D967C4" w:rsidRPr="00085F16" w:rsidRDefault="00D967C4" w:rsidP="00085F16">
            <w:pPr>
              <w:pStyle w:val="TableParagraph"/>
              <w:spacing w:before="7" w:line="276" w:lineRule="auto"/>
              <w:rPr>
                <w:sz w:val="24"/>
                <w:szCs w:val="24"/>
              </w:rPr>
            </w:pPr>
          </w:p>
          <w:p w:rsidR="00D967C4" w:rsidRPr="00085F16" w:rsidRDefault="00D967C4" w:rsidP="00085F16">
            <w:pPr>
              <w:pStyle w:val="TableParagraph"/>
              <w:spacing w:line="276" w:lineRule="auto"/>
              <w:ind w:left="89" w:right="74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совещание</w:t>
            </w:r>
            <w:r w:rsidRPr="00085F16">
              <w:rPr>
                <w:spacing w:val="-52"/>
                <w:sz w:val="24"/>
                <w:szCs w:val="24"/>
              </w:rPr>
              <w:t xml:space="preserve"> </w:t>
            </w:r>
            <w:r w:rsidRPr="00085F16">
              <w:rPr>
                <w:sz w:val="24"/>
                <w:szCs w:val="24"/>
              </w:rPr>
              <w:t>при</w:t>
            </w:r>
          </w:p>
          <w:p w:rsidR="00D967C4" w:rsidRPr="00085F16" w:rsidRDefault="00D967C4" w:rsidP="00085F16">
            <w:pPr>
              <w:pStyle w:val="TableParagraph"/>
              <w:spacing w:before="1" w:line="276" w:lineRule="auto"/>
              <w:ind w:left="89" w:right="76"/>
              <w:rPr>
                <w:sz w:val="24"/>
                <w:szCs w:val="24"/>
              </w:rPr>
            </w:pPr>
            <w:r w:rsidRPr="00085F16">
              <w:rPr>
                <w:sz w:val="24"/>
                <w:szCs w:val="24"/>
              </w:rPr>
              <w:t>директоре.</w:t>
            </w:r>
          </w:p>
        </w:tc>
      </w:tr>
    </w:tbl>
    <w:p w:rsidR="00D967C4" w:rsidRPr="00085F16" w:rsidRDefault="00D967C4" w:rsidP="00085F16">
      <w:pPr>
        <w:rPr>
          <w:rFonts w:ascii="Times New Roman" w:hAnsi="Times New Roman" w:cs="Times New Roman"/>
          <w:sz w:val="24"/>
          <w:szCs w:val="24"/>
        </w:rPr>
        <w:sectPr w:rsidR="00D967C4" w:rsidRPr="00085F16">
          <w:pgSz w:w="11910" w:h="16840"/>
          <w:pgMar w:top="220" w:right="180" w:bottom="280" w:left="340" w:header="720" w:footer="720" w:gutter="0"/>
          <w:cols w:space="720"/>
        </w:sectPr>
      </w:pPr>
    </w:p>
    <w:p w:rsidR="00D967C4" w:rsidRPr="00085F16" w:rsidRDefault="00D967C4" w:rsidP="00085F16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FD459A" w:rsidRPr="004F6EA6" w:rsidRDefault="0076262B" w:rsidP="004E5488">
      <w:pPr>
        <w:pStyle w:val="1"/>
        <w:rPr>
          <w:lang w:val="ru-RU"/>
        </w:rPr>
      </w:pPr>
      <w:bookmarkStart w:id="21" w:name="_Toc120516859"/>
      <w:r w:rsidRPr="00085F16">
        <w:t>V</w:t>
      </w:r>
      <w:r w:rsidR="00987F21" w:rsidRPr="00085F16">
        <w:t>II</w:t>
      </w:r>
      <w:r w:rsidR="00987F21" w:rsidRPr="004F6EA6">
        <w:rPr>
          <w:lang w:val="ru-RU"/>
        </w:rPr>
        <w:t>. Мероприятия по социально-психологической поддержке участников образовательного процесса</w:t>
      </w:r>
      <w:bookmarkEnd w:id="21"/>
    </w:p>
    <w:tbl>
      <w:tblPr>
        <w:tblStyle w:val="a3"/>
        <w:tblW w:w="0" w:type="auto"/>
        <w:tblLook w:val="04A0"/>
      </w:tblPr>
      <w:tblGrid>
        <w:gridCol w:w="949"/>
        <w:gridCol w:w="1690"/>
        <w:gridCol w:w="8243"/>
        <w:gridCol w:w="4534"/>
      </w:tblGrid>
      <w:tr w:rsidR="00987F21" w:rsidRPr="00085F16" w:rsidTr="00987F21">
        <w:tc>
          <w:tcPr>
            <w:tcW w:w="15614" w:type="dxa"/>
            <w:gridSpan w:val="4"/>
          </w:tcPr>
          <w:p w:rsidR="00987F21" w:rsidRPr="00085F16" w:rsidRDefault="00987F21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1. Организация питания</w:t>
            </w:r>
          </w:p>
        </w:tc>
      </w:tr>
      <w:tr w:rsidR="00987F21" w:rsidRPr="00085F16" w:rsidTr="00987F21">
        <w:tc>
          <w:tcPr>
            <w:tcW w:w="959" w:type="dxa"/>
          </w:tcPr>
          <w:p w:rsidR="00987F21" w:rsidRPr="00085F16" w:rsidRDefault="00987F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701" w:type="dxa"/>
          </w:tcPr>
          <w:p w:rsidR="00987F21" w:rsidRPr="00085F16" w:rsidRDefault="00987F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вгуст </w:t>
            </w:r>
          </w:p>
        </w:tc>
        <w:tc>
          <w:tcPr>
            <w:tcW w:w="8363" w:type="dxa"/>
          </w:tcPr>
          <w:p w:rsidR="00987F21" w:rsidRPr="00085F16" w:rsidRDefault="00987F2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ступление на педагогическом совете по вопросам выявления соц. незащищенных и многодетных семей; оформления документации. Работа классных руководителей с родителями по вопросам социальной защиты.</w:t>
            </w:r>
          </w:p>
        </w:tc>
        <w:tc>
          <w:tcPr>
            <w:tcW w:w="4591" w:type="dxa"/>
          </w:tcPr>
          <w:p w:rsidR="00987F21" w:rsidRPr="00085F16" w:rsidRDefault="000A426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</w:t>
            </w:r>
            <w:r w:rsidR="00987F2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питани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</w:t>
            </w:r>
            <w:r w:rsidR="00987F21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, комиссия по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и питания</w:t>
            </w:r>
          </w:p>
        </w:tc>
      </w:tr>
      <w:tr w:rsidR="00987F21" w:rsidRPr="00085F16" w:rsidTr="00987F21">
        <w:tc>
          <w:tcPr>
            <w:tcW w:w="959" w:type="dxa"/>
          </w:tcPr>
          <w:p w:rsidR="00987F21" w:rsidRPr="00085F16" w:rsidRDefault="000A426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701" w:type="dxa"/>
          </w:tcPr>
          <w:p w:rsidR="00987F21" w:rsidRPr="00085F16" w:rsidRDefault="000A426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8363" w:type="dxa"/>
          </w:tcPr>
          <w:p w:rsidR="00987F21" w:rsidRPr="00085F16" w:rsidRDefault="000A426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здание нормативной базы по организации питания:</w:t>
            </w:r>
          </w:p>
          <w:p w:rsidR="000A4267" w:rsidRPr="00085F16" w:rsidRDefault="000A426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иказы об организации питания</w:t>
            </w:r>
          </w:p>
          <w:p w:rsidR="000A4267" w:rsidRPr="00085F16" w:rsidRDefault="000A426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бор документов и формирование базы данных на многодетных и соц.незащищенных.</w:t>
            </w:r>
          </w:p>
          <w:p w:rsidR="000A4267" w:rsidRPr="00085F16" w:rsidRDefault="000A4267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Корректировка контингента по многодетным и соц.незащищенным на </w:t>
            </w:r>
            <w:r w:rsidR="006704D1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713A87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2F3543" w:rsidRPr="00085F16">
              <w:rPr>
                <w:rFonts w:ascii="Times New Roman" w:hAnsi="Times New Roman" w:cs="Times New Roman"/>
                <w:sz w:val="24"/>
                <w:szCs w:val="24"/>
              </w:rPr>
              <w:t>-202</w:t>
            </w:r>
            <w:r w:rsidR="00713A87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, проверка по организации питания, соблюдение питьевого режима.</w:t>
            </w:r>
          </w:p>
        </w:tc>
        <w:tc>
          <w:tcPr>
            <w:tcW w:w="4591" w:type="dxa"/>
          </w:tcPr>
          <w:p w:rsidR="00987F21" w:rsidRPr="00085F16" w:rsidRDefault="006562E2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 питания, комиссия по организации питания</w:t>
            </w:r>
          </w:p>
        </w:tc>
      </w:tr>
      <w:tr w:rsidR="00987F21" w:rsidRPr="00085F16" w:rsidTr="00987F21">
        <w:tc>
          <w:tcPr>
            <w:tcW w:w="959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170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тябрь</w:t>
            </w:r>
          </w:p>
        </w:tc>
        <w:tc>
          <w:tcPr>
            <w:tcW w:w="8363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рректировка баз</w:t>
            </w:r>
            <w:r w:rsidR="0069494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ы данных по всем категориям социально 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езащищенных детей. Выступления на школьных родительских собраниях с целью активизации платного питания.</w:t>
            </w:r>
          </w:p>
        </w:tc>
        <w:tc>
          <w:tcPr>
            <w:tcW w:w="459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 питания, комиссия по организации питания</w:t>
            </w:r>
          </w:p>
        </w:tc>
      </w:tr>
      <w:tr w:rsidR="00987F21" w:rsidRPr="00085F16" w:rsidTr="00987F21">
        <w:tc>
          <w:tcPr>
            <w:tcW w:w="959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70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Ноябрь </w:t>
            </w:r>
          </w:p>
        </w:tc>
        <w:tc>
          <w:tcPr>
            <w:tcW w:w="8363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ступления на классных часах по тематике «Здоровье и правильное питание».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существление контроля за организацией питания в начальной школе. Проверка оформления документации.</w:t>
            </w:r>
          </w:p>
        </w:tc>
        <w:tc>
          <w:tcPr>
            <w:tcW w:w="459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 питания, комиссия по организации питания</w:t>
            </w:r>
          </w:p>
        </w:tc>
      </w:tr>
      <w:tr w:rsidR="00987F21" w:rsidRPr="00085F16" w:rsidTr="00987F21">
        <w:tc>
          <w:tcPr>
            <w:tcW w:w="959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70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екабрь </w:t>
            </w:r>
          </w:p>
        </w:tc>
        <w:tc>
          <w:tcPr>
            <w:tcW w:w="8363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существление контроля за состоянием пищеблока: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оверка документации.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беседы для </w:t>
            </w:r>
            <w:r w:rsidR="00E0757F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начальной школы «Полезные и вредные продукты».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ступление на классных часах о культуре приема пищи.</w:t>
            </w:r>
          </w:p>
        </w:tc>
        <w:tc>
          <w:tcPr>
            <w:tcW w:w="459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 питания, комиссия по организации питания, классные руководители</w:t>
            </w:r>
          </w:p>
        </w:tc>
      </w:tr>
      <w:tr w:rsidR="00987F21" w:rsidRPr="00085F16" w:rsidTr="00987F21">
        <w:tc>
          <w:tcPr>
            <w:tcW w:w="959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170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Январь </w:t>
            </w:r>
          </w:p>
        </w:tc>
        <w:tc>
          <w:tcPr>
            <w:tcW w:w="8363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графика работы столовой;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оверка по организации питания;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дежурство </w:t>
            </w:r>
            <w:r w:rsidR="00E0757F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классных руководителей;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санитарное состояние пищеблока.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Корректировка плана по питанию с учетом изменений контингента.</w:t>
            </w:r>
          </w:p>
        </w:tc>
        <w:tc>
          <w:tcPr>
            <w:tcW w:w="459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Куратор школьного питания, комиссия по организации питания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я</w:t>
            </w:r>
          </w:p>
        </w:tc>
      </w:tr>
      <w:tr w:rsidR="00987F21" w:rsidRPr="00085F16" w:rsidTr="00987F21">
        <w:tc>
          <w:tcPr>
            <w:tcW w:w="959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7</w:t>
            </w:r>
          </w:p>
        </w:tc>
        <w:tc>
          <w:tcPr>
            <w:tcW w:w="170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евраль</w:t>
            </w:r>
          </w:p>
        </w:tc>
        <w:tc>
          <w:tcPr>
            <w:tcW w:w="8363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кетирование родит</w:t>
            </w:r>
            <w:r w:rsidR="00B26038" w:rsidRPr="00085F16">
              <w:rPr>
                <w:rFonts w:ascii="Times New Roman" w:hAnsi="Times New Roman" w:cs="Times New Roman"/>
                <w:sz w:val="24"/>
                <w:szCs w:val="24"/>
              </w:rPr>
              <w:t>елей по вопросам питания (5-7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)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уроков по здоровому питанию: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авила питания (5-9);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азбука здорового питания (1-4).</w:t>
            </w:r>
          </w:p>
        </w:tc>
        <w:tc>
          <w:tcPr>
            <w:tcW w:w="4591" w:type="dxa"/>
          </w:tcPr>
          <w:p w:rsidR="00987F21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 питания, комиссия по организации питания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Учителя </w:t>
            </w:r>
          </w:p>
        </w:tc>
      </w:tr>
      <w:tr w:rsidR="00113FCC" w:rsidRPr="00085F16" w:rsidTr="00987F21">
        <w:tc>
          <w:tcPr>
            <w:tcW w:w="959" w:type="dxa"/>
          </w:tcPr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701" w:type="dxa"/>
          </w:tcPr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рт</w:t>
            </w:r>
          </w:p>
        </w:tc>
        <w:tc>
          <w:tcPr>
            <w:tcW w:w="8363" w:type="dxa"/>
          </w:tcPr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та комиссии по осуществлению контроля за соблюдением требований СанПиНа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кетирование детей по питанию с целью выявления вкусовых приоритетов.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профилактической беседы медиком: «Твое здоровье в твоих руках».</w:t>
            </w:r>
          </w:p>
        </w:tc>
        <w:tc>
          <w:tcPr>
            <w:tcW w:w="4591" w:type="dxa"/>
          </w:tcPr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 питания, комиссия по организации питания</w:t>
            </w:r>
          </w:p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едработник</w:t>
            </w:r>
          </w:p>
        </w:tc>
      </w:tr>
      <w:tr w:rsidR="00113FCC" w:rsidRPr="00085F16" w:rsidTr="00987F21">
        <w:tc>
          <w:tcPr>
            <w:tcW w:w="959" w:type="dxa"/>
          </w:tcPr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1701" w:type="dxa"/>
          </w:tcPr>
          <w:p w:rsidR="00113FCC" w:rsidRPr="00085F16" w:rsidRDefault="00113FC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прель </w:t>
            </w:r>
          </w:p>
        </w:tc>
        <w:tc>
          <w:tcPr>
            <w:tcW w:w="8363" w:type="dxa"/>
          </w:tcPr>
          <w:p w:rsidR="00113FCC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существление контроля за ведением отчетной документации классными руководителями.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существление контроля комиссии по питанию за соблюдением норм выдачи рационов питания.</w:t>
            </w:r>
          </w:p>
        </w:tc>
        <w:tc>
          <w:tcPr>
            <w:tcW w:w="4591" w:type="dxa"/>
          </w:tcPr>
          <w:p w:rsidR="00113FCC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 питания, комиссия по организации питания</w:t>
            </w:r>
          </w:p>
        </w:tc>
      </w:tr>
      <w:tr w:rsidR="00255B80" w:rsidRPr="00085F16" w:rsidTr="00987F21">
        <w:tc>
          <w:tcPr>
            <w:tcW w:w="959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701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й </w:t>
            </w:r>
          </w:p>
        </w:tc>
        <w:tc>
          <w:tcPr>
            <w:tcW w:w="8363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закладки продуктов для приготовления пищи, соблюдения питьевого режима.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беседы среди учащихся начальной школы по культуре поведения в столовой 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Консультация с классными руководителями и родителями по вопросам организации питания в </w:t>
            </w:r>
            <w:r w:rsidR="002F3543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713A87"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2F3543" w:rsidRPr="00085F16">
              <w:rPr>
                <w:rFonts w:ascii="Times New Roman" w:hAnsi="Times New Roman" w:cs="Times New Roman"/>
                <w:sz w:val="24"/>
                <w:szCs w:val="24"/>
              </w:rPr>
              <w:t>-202</w:t>
            </w:r>
            <w:r w:rsidR="00713A87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ом году.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школьных журналов на соответствие количества питающихся.</w:t>
            </w:r>
          </w:p>
        </w:tc>
        <w:tc>
          <w:tcPr>
            <w:tcW w:w="4591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 питания, комиссия по организации питания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дминистрация</w:t>
            </w:r>
          </w:p>
        </w:tc>
      </w:tr>
      <w:tr w:rsidR="00255B80" w:rsidRPr="00085F16" w:rsidTr="00987F21">
        <w:tc>
          <w:tcPr>
            <w:tcW w:w="959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</w:p>
        </w:tc>
        <w:tc>
          <w:tcPr>
            <w:tcW w:w="1701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юнь </w:t>
            </w:r>
          </w:p>
        </w:tc>
        <w:tc>
          <w:tcPr>
            <w:tcW w:w="8363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оставление годового отчета о проделанной работе по социальной защите </w:t>
            </w:r>
            <w:r w:rsidR="00E0757F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к приемке школы.</w:t>
            </w:r>
          </w:p>
        </w:tc>
        <w:tc>
          <w:tcPr>
            <w:tcW w:w="4591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уратор школьного питания, комиссия по организации питания</w:t>
            </w:r>
          </w:p>
        </w:tc>
      </w:tr>
      <w:tr w:rsidR="00255B80" w:rsidRPr="00085F16" w:rsidTr="00255B80">
        <w:tc>
          <w:tcPr>
            <w:tcW w:w="15614" w:type="dxa"/>
            <w:gridSpan w:val="4"/>
          </w:tcPr>
          <w:p w:rsidR="00255B80" w:rsidRPr="004E5488" w:rsidRDefault="00255B80" w:rsidP="004E5488">
            <w:pPr>
              <w:pStyle w:val="2"/>
              <w:outlineLvl w:val="1"/>
              <w:rPr>
                <w:lang w:val="ru-RU"/>
              </w:rPr>
            </w:pPr>
            <w:bookmarkStart w:id="22" w:name="_Toc120516860"/>
            <w:r w:rsidRPr="004E5488">
              <w:rPr>
                <w:lang w:val="ru-RU"/>
              </w:rPr>
              <w:t>2. Здоровьесбережение и формирование положительных привычек, норм поведения.</w:t>
            </w:r>
            <w:bookmarkEnd w:id="22"/>
          </w:p>
        </w:tc>
      </w:tr>
      <w:tr w:rsidR="00255B80" w:rsidRPr="00085F16" w:rsidTr="00987F21">
        <w:tc>
          <w:tcPr>
            <w:tcW w:w="959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701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вгуст</w:t>
            </w:r>
          </w:p>
        </w:tc>
        <w:tc>
          <w:tcPr>
            <w:tcW w:w="8363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заключения по итогам медицинского мониторинга.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ведение и активное использование здоровьесберегающих технологий в учебном процессе.</w:t>
            </w:r>
          </w:p>
        </w:tc>
        <w:tc>
          <w:tcPr>
            <w:tcW w:w="4591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едработник, классные руководители, учитель физкультуры</w:t>
            </w:r>
          </w:p>
        </w:tc>
      </w:tr>
      <w:tr w:rsidR="00255B80" w:rsidRPr="00085F16" w:rsidTr="00987F21">
        <w:tc>
          <w:tcPr>
            <w:tcW w:w="959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701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8363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вторение и изучение правил поведения в школе и общественных местах.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формление школьного стенда и кл. уголков по ПДД.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Контроль теплового режима, разнообразие и качество приготовления пищи.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филактические прививки по возрасту </w:t>
            </w:r>
            <w:r w:rsidR="00E0757F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4591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Медработник, классные руководители, учитель физкультуры</w:t>
            </w:r>
          </w:p>
        </w:tc>
      </w:tr>
      <w:tr w:rsidR="00255B80" w:rsidRPr="00085F16" w:rsidTr="00987F21">
        <w:tc>
          <w:tcPr>
            <w:tcW w:w="959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3</w:t>
            </w:r>
          </w:p>
        </w:tc>
        <w:tc>
          <w:tcPr>
            <w:tcW w:w="1701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ктябрь </w:t>
            </w:r>
          </w:p>
        </w:tc>
        <w:tc>
          <w:tcPr>
            <w:tcW w:w="8363" w:type="dxa"/>
          </w:tcPr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</w:t>
            </w:r>
            <w:r w:rsidR="00167FD1" w:rsidRPr="00085F16">
              <w:rPr>
                <w:rFonts w:ascii="Times New Roman" w:hAnsi="Times New Roman" w:cs="Times New Roman"/>
                <w:sz w:val="24"/>
                <w:szCs w:val="24"/>
              </w:rPr>
              <w:t>роведение противоэпидемических м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ероприятий в классах; проведение вакцинации </w:t>
            </w:r>
            <w:r w:rsidR="0048693A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педагогов.</w:t>
            </w:r>
          </w:p>
          <w:p w:rsidR="00255B80" w:rsidRPr="00085F16" w:rsidRDefault="00255B80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диспан</w:t>
            </w:r>
            <w:r w:rsidR="00935C6F" w:rsidRPr="00085F16">
              <w:rPr>
                <w:rFonts w:ascii="Times New Roman" w:hAnsi="Times New Roman" w:cs="Times New Roman"/>
                <w:sz w:val="24"/>
                <w:szCs w:val="24"/>
              </w:rPr>
              <w:t>серизации согласно составленному плану и договору (в течении года).</w:t>
            </w:r>
          </w:p>
          <w:p w:rsidR="00935C6F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соблюдением ТБ на уроках физкультуры и переменах.</w:t>
            </w:r>
          </w:p>
          <w:p w:rsidR="00935C6F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освещенности, режима проветривания.</w:t>
            </w:r>
          </w:p>
        </w:tc>
        <w:tc>
          <w:tcPr>
            <w:tcW w:w="4591" w:type="dxa"/>
          </w:tcPr>
          <w:p w:rsidR="00255B80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едработник, классные руководители, учитель физкультуры, классные руководители</w:t>
            </w:r>
          </w:p>
        </w:tc>
      </w:tr>
      <w:tr w:rsidR="00255B80" w:rsidRPr="00085F16" w:rsidTr="00987F21">
        <w:tc>
          <w:tcPr>
            <w:tcW w:w="959" w:type="dxa"/>
          </w:tcPr>
          <w:p w:rsidR="00255B80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701" w:type="dxa"/>
          </w:tcPr>
          <w:p w:rsidR="00255B80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оябрь</w:t>
            </w:r>
          </w:p>
        </w:tc>
        <w:tc>
          <w:tcPr>
            <w:tcW w:w="8363" w:type="dxa"/>
          </w:tcPr>
          <w:p w:rsidR="00255B80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противоэпидемических мероприятий в классах; проведение вакцинации </w:t>
            </w:r>
            <w:r w:rsidR="0048693A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и педагогов.</w:t>
            </w:r>
          </w:p>
          <w:p w:rsidR="00935C6F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ведение итогов по заболеваемости</w:t>
            </w:r>
            <w:r w:rsidR="00B26038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за 1 четверть. Составление (по необходимости) программы проведения противоэпидемических мероприятий.</w:t>
            </w:r>
          </w:p>
        </w:tc>
        <w:tc>
          <w:tcPr>
            <w:tcW w:w="4591" w:type="dxa"/>
          </w:tcPr>
          <w:p w:rsidR="00255B80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едработник, классные руководители, учитель физкультуры</w:t>
            </w:r>
          </w:p>
        </w:tc>
      </w:tr>
      <w:tr w:rsidR="00935C6F" w:rsidRPr="00085F16" w:rsidTr="00987F21">
        <w:tc>
          <w:tcPr>
            <w:tcW w:w="959" w:type="dxa"/>
          </w:tcPr>
          <w:p w:rsidR="00935C6F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701" w:type="dxa"/>
          </w:tcPr>
          <w:p w:rsidR="00935C6F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екабрь </w:t>
            </w:r>
          </w:p>
        </w:tc>
        <w:tc>
          <w:tcPr>
            <w:tcW w:w="8363" w:type="dxa"/>
          </w:tcPr>
          <w:p w:rsidR="00935C6F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рейдов по проверке организации питания, качества приготовления пищи (1 раз в месяц).</w:t>
            </w:r>
          </w:p>
          <w:p w:rsidR="00935C6F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ень здоровья </w:t>
            </w:r>
          </w:p>
          <w:p w:rsidR="00935C6F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прогулок</w:t>
            </w:r>
          </w:p>
          <w:p w:rsidR="00770CD9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динамических пауз в начальной школе.</w:t>
            </w:r>
          </w:p>
        </w:tc>
        <w:tc>
          <w:tcPr>
            <w:tcW w:w="4591" w:type="dxa"/>
          </w:tcPr>
          <w:p w:rsidR="00935C6F" w:rsidRPr="00085F16" w:rsidRDefault="00935C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едработник, классные руководители, учитель физкультуры</w:t>
            </w:r>
          </w:p>
        </w:tc>
      </w:tr>
      <w:tr w:rsidR="00935C6F" w:rsidRPr="00085F16" w:rsidTr="00987F21">
        <w:tc>
          <w:tcPr>
            <w:tcW w:w="959" w:type="dxa"/>
          </w:tcPr>
          <w:p w:rsidR="00935C6F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1701" w:type="dxa"/>
          </w:tcPr>
          <w:p w:rsidR="00935C6F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Январь </w:t>
            </w:r>
          </w:p>
        </w:tc>
        <w:tc>
          <w:tcPr>
            <w:tcW w:w="8363" w:type="dxa"/>
          </w:tcPr>
          <w:p w:rsidR="00935C6F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и проведение зимних спортивных мероприятий с родителями в дни праздников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рганизация и проведение бесед по профилактике правонарушений с </w:t>
            </w:r>
            <w:r w:rsidR="00B26038" w:rsidRPr="00085F16">
              <w:rPr>
                <w:rFonts w:ascii="Times New Roman" w:hAnsi="Times New Roman" w:cs="Times New Roman"/>
                <w:sz w:val="24"/>
                <w:szCs w:val="24"/>
              </w:rPr>
              <w:t>обучающими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5-9 классов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соблюдением температурного режима и ТБ на занятиях физкультурой.</w:t>
            </w:r>
          </w:p>
        </w:tc>
        <w:tc>
          <w:tcPr>
            <w:tcW w:w="4591" w:type="dxa"/>
          </w:tcPr>
          <w:p w:rsidR="00935C6F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едработник, классные руководители, учитель физкультуры</w:t>
            </w:r>
          </w:p>
        </w:tc>
      </w:tr>
      <w:tr w:rsidR="00770CD9" w:rsidRPr="00085F16" w:rsidTr="00987F21">
        <w:tc>
          <w:tcPr>
            <w:tcW w:w="959" w:type="dxa"/>
          </w:tcPr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701" w:type="dxa"/>
          </w:tcPr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Февраль</w:t>
            </w:r>
          </w:p>
        </w:tc>
        <w:tc>
          <w:tcPr>
            <w:tcW w:w="8363" w:type="dxa"/>
          </w:tcPr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системой психофизического оздоровления детей на уроках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того (1 раз в четверть)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нализ санитарно-гигиенического режима и питания школьников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Беседы по профилактике </w:t>
            </w:r>
            <w:r w:rsidR="00B26038" w:rsidRPr="00085F16">
              <w:rPr>
                <w:rFonts w:ascii="Times New Roman" w:hAnsi="Times New Roman" w:cs="Times New Roman"/>
                <w:sz w:val="24"/>
                <w:szCs w:val="24"/>
              </w:rPr>
              <w:t>вредных привычек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теплового, воздушного и светового режима в школе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591" w:type="dxa"/>
          </w:tcPr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медработник, классные руководители, учитель физкультуры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иректор </w:t>
            </w:r>
          </w:p>
        </w:tc>
      </w:tr>
      <w:tr w:rsidR="00770CD9" w:rsidRPr="00085F16" w:rsidTr="00987F21">
        <w:tc>
          <w:tcPr>
            <w:tcW w:w="959" w:type="dxa"/>
          </w:tcPr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8</w:t>
            </w:r>
          </w:p>
        </w:tc>
        <w:tc>
          <w:tcPr>
            <w:tcW w:w="1701" w:type="dxa"/>
          </w:tcPr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рт </w:t>
            </w:r>
          </w:p>
        </w:tc>
        <w:tc>
          <w:tcPr>
            <w:tcW w:w="8363" w:type="dxa"/>
          </w:tcPr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спортивных мероприятий в школе, участие в районных соревнованиях (по плану в течение года)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Борьба с гиподинамией. Малые формы физического воспитания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полнение санитарного режима в школе. Проведение динамических часов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Ход реализации программы «Здоровье».</w:t>
            </w:r>
          </w:p>
          <w:p w:rsidR="00770CD9" w:rsidRPr="00085F16" w:rsidRDefault="00770CD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организации горячего питания и к</w:t>
            </w:r>
            <w:r w:rsidR="003949E5" w:rsidRPr="00085F16">
              <w:rPr>
                <w:rFonts w:ascii="Times New Roman" w:hAnsi="Times New Roman" w:cs="Times New Roman"/>
                <w:sz w:val="24"/>
                <w:szCs w:val="24"/>
              </w:rPr>
              <w:t>о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троль за приготовлением пищи.</w:t>
            </w:r>
          </w:p>
        </w:tc>
        <w:tc>
          <w:tcPr>
            <w:tcW w:w="4591" w:type="dxa"/>
          </w:tcPr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медработник, классные руководители, учитель физкультуры</w:t>
            </w:r>
          </w:p>
          <w:p w:rsidR="00770CD9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куратор организации питания в школе</w:t>
            </w:r>
          </w:p>
        </w:tc>
      </w:tr>
      <w:tr w:rsidR="003949E5" w:rsidRPr="00085F16" w:rsidTr="00987F21">
        <w:tc>
          <w:tcPr>
            <w:tcW w:w="959" w:type="dxa"/>
          </w:tcPr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1701" w:type="dxa"/>
          </w:tcPr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прель </w:t>
            </w:r>
          </w:p>
        </w:tc>
        <w:tc>
          <w:tcPr>
            <w:tcW w:w="8363" w:type="dxa"/>
          </w:tcPr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мероприятий, приуроченных к Месячнику здоровья.</w:t>
            </w:r>
          </w:p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бесед с </w:t>
            </w:r>
            <w:r w:rsidR="00B26038" w:rsidRPr="00085F16">
              <w:rPr>
                <w:rFonts w:ascii="Times New Roman" w:hAnsi="Times New Roman" w:cs="Times New Roman"/>
                <w:sz w:val="24"/>
                <w:szCs w:val="24"/>
              </w:rPr>
              <w:t>обучающими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о здоровом питании.</w:t>
            </w:r>
          </w:p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состояния режима проветривания и соблюдения питьевого режима.</w:t>
            </w:r>
          </w:p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бота комиссии по контролю за качеством питания.</w:t>
            </w:r>
          </w:p>
        </w:tc>
        <w:tc>
          <w:tcPr>
            <w:tcW w:w="4591" w:type="dxa"/>
          </w:tcPr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медработник, классные руководители, учитель физкультуры</w:t>
            </w:r>
          </w:p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3949E5" w:rsidRPr="00085F16" w:rsidTr="00987F21">
        <w:tc>
          <w:tcPr>
            <w:tcW w:w="959" w:type="dxa"/>
          </w:tcPr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701" w:type="dxa"/>
          </w:tcPr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й </w:t>
            </w:r>
          </w:p>
        </w:tc>
        <w:tc>
          <w:tcPr>
            <w:tcW w:w="8363" w:type="dxa"/>
          </w:tcPr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одведение итогов по работе </w:t>
            </w:r>
            <w:r w:rsidR="00D66D15" w:rsidRPr="00085F16">
              <w:rPr>
                <w:rFonts w:ascii="Times New Roman" w:hAnsi="Times New Roman" w:cs="Times New Roman"/>
                <w:sz w:val="24"/>
                <w:szCs w:val="24"/>
              </w:rPr>
              <w:t>в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здоровье</w:t>
            </w:r>
            <w:r w:rsidR="00D66D15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берегающем направлении, по заболеваемости </w:t>
            </w:r>
            <w:r w:rsidR="00B26038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="00D66D15"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бесед о правилах поведения и ТБ на каникулах.</w:t>
            </w:r>
          </w:p>
        </w:tc>
        <w:tc>
          <w:tcPr>
            <w:tcW w:w="4591" w:type="dxa"/>
          </w:tcPr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медработник, классные руководители, учитель физкультуры</w:t>
            </w:r>
          </w:p>
          <w:p w:rsidR="003949E5" w:rsidRPr="00085F16" w:rsidRDefault="003949E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66D15" w:rsidRPr="00085F16" w:rsidTr="00987F21">
        <w:tc>
          <w:tcPr>
            <w:tcW w:w="959" w:type="dxa"/>
          </w:tcPr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</w:p>
        </w:tc>
        <w:tc>
          <w:tcPr>
            <w:tcW w:w="1701" w:type="dxa"/>
          </w:tcPr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363" w:type="dxa"/>
          </w:tcPr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Тренировки в рамках Дня Защиты детей.</w:t>
            </w:r>
          </w:p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рганизация работы летнего оздоровительного лагеря.</w:t>
            </w:r>
          </w:p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Планирование работы на </w:t>
            </w:r>
            <w:r w:rsidR="002F3543" w:rsidRPr="00085F16">
              <w:rPr>
                <w:rFonts w:ascii="Times New Roman" w:hAnsi="Times New Roman" w:cs="Times New Roman"/>
                <w:sz w:val="24"/>
                <w:szCs w:val="24"/>
              </w:rPr>
              <w:t>202</w:t>
            </w:r>
            <w:r w:rsidR="00713A87" w:rsidRPr="00085F16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2F3543" w:rsidRPr="00085F16">
              <w:rPr>
                <w:rFonts w:ascii="Times New Roman" w:hAnsi="Times New Roman" w:cs="Times New Roman"/>
                <w:sz w:val="24"/>
                <w:szCs w:val="24"/>
              </w:rPr>
              <w:t>-202</w:t>
            </w:r>
            <w:r w:rsidR="00713A87"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учебный год. </w:t>
            </w:r>
          </w:p>
          <w:p w:rsidR="0018306F" w:rsidRPr="00085F16" w:rsidRDefault="0018306F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591" w:type="dxa"/>
          </w:tcPr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медработник, классные руководители, учитель физкультуры</w:t>
            </w:r>
          </w:p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66D15" w:rsidRPr="00085F16" w:rsidTr="00463EA5">
        <w:tc>
          <w:tcPr>
            <w:tcW w:w="15614" w:type="dxa"/>
            <w:gridSpan w:val="4"/>
          </w:tcPr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3. Деятельность социальной направленности. </w:t>
            </w:r>
          </w:p>
        </w:tc>
      </w:tr>
      <w:tr w:rsidR="00D66D15" w:rsidRPr="00085F16" w:rsidTr="00987F21">
        <w:tc>
          <w:tcPr>
            <w:tcW w:w="959" w:type="dxa"/>
          </w:tcPr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701" w:type="dxa"/>
          </w:tcPr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8363" w:type="dxa"/>
          </w:tcPr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социальная диагностика;</w:t>
            </w:r>
          </w:p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оформление социальных паспортов классов;</w:t>
            </w:r>
          </w:p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составление списков обучающихся, состоящих на различных видах учета: ПДН, дети-сироты, дети-инвалиды, «группа риска» и т.д.);</w:t>
            </w:r>
          </w:p>
          <w:p w:rsidR="00D66D15" w:rsidRPr="00085F16" w:rsidRDefault="00D66D1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 w:rsidR="00463EA5" w:rsidRPr="00085F16">
              <w:rPr>
                <w:rFonts w:ascii="Times New Roman" w:hAnsi="Times New Roman" w:cs="Times New Roman"/>
                <w:sz w:val="24"/>
                <w:szCs w:val="24"/>
              </w:rPr>
              <w:t>индивидуальные беседы с обучающимися, состоящими на учете в КДН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тестирование «Диагностика познавательных интересов, потребностей, склонностей подростка» 5-9 кл.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посещение на дому семей группы риска и </w:t>
            </w:r>
            <w:r w:rsidR="00B26038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, состоящих на внутришкольном учете, на учете в КДН.</w:t>
            </w:r>
          </w:p>
        </w:tc>
        <w:tc>
          <w:tcPr>
            <w:tcW w:w="4591" w:type="dxa"/>
          </w:tcPr>
          <w:p w:rsidR="00D66D1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педагог-психолог, школьный инспектор по охране прав детства</w:t>
            </w:r>
          </w:p>
        </w:tc>
      </w:tr>
      <w:tr w:rsidR="00463EA5" w:rsidRPr="00085F16" w:rsidTr="00987F21">
        <w:tc>
          <w:tcPr>
            <w:tcW w:w="959" w:type="dxa"/>
          </w:tcPr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701" w:type="dxa"/>
          </w:tcPr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ктябрь </w:t>
            </w:r>
          </w:p>
        </w:tc>
        <w:tc>
          <w:tcPr>
            <w:tcW w:w="8363" w:type="dxa"/>
          </w:tcPr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выявление фактов правонарушений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ми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школы, формирование «группы риска»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-анкетирование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лекторий для родителей «Профилактика наркомании и других видов зависимости»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беседы с родителями неуспевающих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 и 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с минимальным уровнем развития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занятость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«группы риска» на каникулах. Индивидуальные консультации для родителей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сещение семей опекаемых детей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оформление актов ЖБУ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4591" w:type="dxa"/>
          </w:tcPr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ЗД по УВР, педагог-психолог, школьный инспектор по охране прав детства</w:t>
            </w:r>
          </w:p>
        </w:tc>
      </w:tr>
      <w:tr w:rsidR="00463EA5" w:rsidRPr="00085F16" w:rsidTr="00987F21">
        <w:tc>
          <w:tcPr>
            <w:tcW w:w="959" w:type="dxa"/>
          </w:tcPr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3</w:t>
            </w:r>
          </w:p>
        </w:tc>
        <w:tc>
          <w:tcPr>
            <w:tcW w:w="1701" w:type="dxa"/>
          </w:tcPr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Ноябрь </w:t>
            </w:r>
          </w:p>
        </w:tc>
        <w:tc>
          <w:tcPr>
            <w:tcW w:w="8363" w:type="dxa"/>
          </w:tcPr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сещение детей из проблемных семей (не посещающие родительские собрания, беседы, посильная психологическая помощь)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оведение акции антирекламы табакокурения (анкетирование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7-9 классов);</w:t>
            </w:r>
          </w:p>
          <w:p w:rsidR="00463EA5" w:rsidRPr="00085F16" w:rsidRDefault="00463EA5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работа с инспектором по делам несовершеннолетних</w:t>
            </w:r>
            <w:r w:rsidR="00080954" w:rsidRPr="00085F16">
              <w:rPr>
                <w:rFonts w:ascii="Times New Roman" w:hAnsi="Times New Roman" w:cs="Times New Roman"/>
                <w:sz w:val="24"/>
                <w:szCs w:val="24"/>
              </w:rPr>
              <w:t>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республиканская акция «Чем закончится завтра? Тебе выбирать!», приуроченная к Международному Дню борьбы со СПИДом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оведение индивидуальной работы с учащимися девиантного поведения и родителями детей «группы риска» с целью предупреждения бродяжничества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рейд «Подросток» (посещение в выходные, праздничные дни мест массового отдыха подростков, с целью выявления случаев употребления алкоголя, курения, асоциального поведения детей</w:t>
            </w:r>
            <w:r w:rsidR="002F3543"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4591" w:type="dxa"/>
          </w:tcPr>
          <w:p w:rsidR="00463EA5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педагог-психолог, школьный инспектор по охране прав детства</w:t>
            </w:r>
          </w:p>
        </w:tc>
      </w:tr>
      <w:tr w:rsidR="00463EA5" w:rsidRPr="00085F16" w:rsidTr="00987F21">
        <w:tc>
          <w:tcPr>
            <w:tcW w:w="959" w:type="dxa"/>
          </w:tcPr>
          <w:p w:rsidR="00463EA5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701" w:type="dxa"/>
          </w:tcPr>
          <w:p w:rsidR="00463EA5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екабрь</w:t>
            </w:r>
          </w:p>
        </w:tc>
        <w:tc>
          <w:tcPr>
            <w:tcW w:w="8363" w:type="dxa"/>
          </w:tcPr>
          <w:p w:rsidR="00463EA5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организация участия детей, находящихся на учете в ПДН и школе, в мероприятиях, посвященных Новому году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контроль за посещаемостью занятий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деловая игра для старшеклассников «В мире с собой и другими»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конкурс иллюстрированных сочинений «Я и моя семья»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встреча с инспектором по делам несовершеннолетних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сещение на дому (неблагополучные, «трудные», прогульщики)</w:t>
            </w:r>
          </w:p>
        </w:tc>
        <w:tc>
          <w:tcPr>
            <w:tcW w:w="4591" w:type="dxa"/>
          </w:tcPr>
          <w:p w:rsidR="00463EA5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педагог-психолог, школьный инспектор по охране прав детства</w:t>
            </w:r>
          </w:p>
        </w:tc>
      </w:tr>
      <w:tr w:rsidR="00080954" w:rsidRPr="00085F16" w:rsidTr="00987F21">
        <w:tc>
          <w:tcPr>
            <w:tcW w:w="959" w:type="dxa"/>
          </w:tcPr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701" w:type="dxa"/>
          </w:tcPr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Январь </w:t>
            </w:r>
          </w:p>
        </w:tc>
        <w:tc>
          <w:tcPr>
            <w:tcW w:w="8363" w:type="dxa"/>
          </w:tcPr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беседы с «трудными» подростками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проведение индивидуальной беседы с родителями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, требующих особого педагогического внимания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-педагогические консультации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офориентационная работа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родительский лекторий «Искусство общения»;</w:t>
            </w:r>
          </w:p>
          <w:p w:rsidR="00080954" w:rsidRPr="00085F16" w:rsidRDefault="00080954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«Правовые нарушения» беседа с участковым</w:t>
            </w:r>
          </w:p>
        </w:tc>
        <w:tc>
          <w:tcPr>
            <w:tcW w:w="4591" w:type="dxa"/>
          </w:tcPr>
          <w:p w:rsidR="00080954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ЗД по УВР, педагог-психолог, школьный инспектор по охране прав детства</w:t>
            </w:r>
          </w:p>
        </w:tc>
      </w:tr>
      <w:tr w:rsidR="00B07B61" w:rsidRPr="00085F16" w:rsidTr="00987F21">
        <w:tc>
          <w:tcPr>
            <w:tcW w:w="959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6</w:t>
            </w:r>
          </w:p>
        </w:tc>
        <w:tc>
          <w:tcPr>
            <w:tcW w:w="1701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Февраль </w:t>
            </w:r>
          </w:p>
        </w:tc>
        <w:tc>
          <w:tcPr>
            <w:tcW w:w="8363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конкурс плакатов «Здоровье в наших руках» 7-9 классы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беседа с обучающимися 7-8 классов «Взаимоотношения со сверстниками, родителями, учителями. Способы решения проблем»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офориентационная работа. Беседы в 9-ом классе «Биржа труда – рынок профессий»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беседы с «трудными» и неуспевающими подростками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сещение семей, находящихся на внутришкольном учете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ндивидуальная беседа с родителями по теме «Значение мотивационных характеристик личности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его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при выборе учебного профиля»</w:t>
            </w:r>
          </w:p>
        </w:tc>
        <w:tc>
          <w:tcPr>
            <w:tcW w:w="4591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педагог-психолог, школьный инспектор по охране прав детства</w:t>
            </w:r>
          </w:p>
        </w:tc>
      </w:tr>
      <w:tr w:rsidR="00B07B61" w:rsidRPr="00085F16" w:rsidTr="00987F21">
        <w:tc>
          <w:tcPr>
            <w:tcW w:w="959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701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рт </w:t>
            </w:r>
          </w:p>
        </w:tc>
        <w:tc>
          <w:tcPr>
            <w:tcW w:w="8363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беседа с девочками 8-9 классов для выявления уровня знаний в области санитарии и гигиены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родительский лекторий «Ответственность за совершение правонарушений»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рофориентационная работа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работа с родителями «трудных» и неуспевающих детей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классные родительские собрания</w:t>
            </w:r>
            <w:r w:rsidR="00C53BD1" w:rsidRPr="00085F16">
              <w:rPr>
                <w:rFonts w:ascii="Times New Roman" w:hAnsi="Times New Roman" w:cs="Times New Roman"/>
                <w:sz w:val="24"/>
                <w:szCs w:val="24"/>
              </w:rPr>
              <w:t>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собеседование членов администрации школы с родителями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, чьи семьи находятся в социально-опасном положении (по представлению классных руководителей)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месячник профилактики правонарушений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игра «По страницам конвенции»</w:t>
            </w:r>
            <w:r w:rsidR="00C53BD1" w:rsidRPr="00085F16">
              <w:rPr>
                <w:rFonts w:ascii="Times New Roman" w:hAnsi="Times New Roman" w:cs="Times New Roman"/>
                <w:sz w:val="24"/>
                <w:szCs w:val="24"/>
              </w:rPr>
              <w:t>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классный час «Права и обязанности подростков»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конкурс рисунков «Останови зло»;</w:t>
            </w:r>
          </w:p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уроки этикета</w:t>
            </w:r>
          </w:p>
        </w:tc>
        <w:tc>
          <w:tcPr>
            <w:tcW w:w="4591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педагог-психолог, школьный инспектор по охране прав детства</w:t>
            </w:r>
          </w:p>
        </w:tc>
      </w:tr>
      <w:tr w:rsidR="00B07B61" w:rsidRPr="00085F16" w:rsidTr="00987F21">
        <w:tc>
          <w:tcPr>
            <w:tcW w:w="959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701" w:type="dxa"/>
          </w:tcPr>
          <w:p w:rsidR="00B07B61" w:rsidRPr="00085F16" w:rsidRDefault="00B07B6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прель </w:t>
            </w:r>
          </w:p>
        </w:tc>
        <w:tc>
          <w:tcPr>
            <w:tcW w:w="8363" w:type="dxa"/>
          </w:tcPr>
          <w:p w:rsidR="00B07B6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рейд «Подросток»;</w:t>
            </w:r>
          </w:p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совместная деятельность детей и взрослых по подготовке к промежуточной и итоговой аттестации;</w:t>
            </w:r>
          </w:p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общешкольное родительское собрание «Сквернословие и здоровье»;</w:t>
            </w:r>
          </w:p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-индивидиальные беседы с родителями для решения возникающих вопросов по обучению и воспитанию школьников;</w:t>
            </w:r>
          </w:p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работа с родителями «трудных» подростков – беседа «О профессиональном самоопределении школьников»;</w:t>
            </w:r>
          </w:p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беседа в 9-ом классе «Правила и свободы граждан». Знакомство с Декларацией прав ребенка и другими документами ООН;</w:t>
            </w:r>
          </w:p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классный час в 5 классе «Добрые плоды послушания»;</w:t>
            </w:r>
          </w:p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-тренинг «Пивной алкоголизм: мифы и реальность» для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х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8-9 классов</w:t>
            </w:r>
          </w:p>
        </w:tc>
        <w:tc>
          <w:tcPr>
            <w:tcW w:w="4591" w:type="dxa"/>
          </w:tcPr>
          <w:p w:rsidR="00B07B6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ЗД по УВР, педагог-психолог, школьный инспектор по охране прав детства</w:t>
            </w:r>
          </w:p>
        </w:tc>
      </w:tr>
      <w:tr w:rsidR="00C53BD1" w:rsidRPr="00085F16" w:rsidTr="00987F21">
        <w:tc>
          <w:tcPr>
            <w:tcW w:w="959" w:type="dxa"/>
          </w:tcPr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9</w:t>
            </w:r>
          </w:p>
        </w:tc>
        <w:tc>
          <w:tcPr>
            <w:tcW w:w="1701" w:type="dxa"/>
          </w:tcPr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й </w:t>
            </w:r>
          </w:p>
        </w:tc>
        <w:tc>
          <w:tcPr>
            <w:tcW w:w="8363" w:type="dxa"/>
          </w:tcPr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организация летней занятости детей, состоящих на внутришкольном учете и на учете в ПДН;</w:t>
            </w:r>
          </w:p>
          <w:p w:rsidR="00C53BD1" w:rsidRPr="00085F16" w:rsidRDefault="00C53BD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контроль за посещаемостью уроков</w:t>
            </w:r>
            <w:r w:rsidR="007C22FC"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мися</w:t>
            </w:r>
            <w:r w:rsidR="007C22FC" w:rsidRPr="00085F16">
              <w:rPr>
                <w:rFonts w:ascii="Times New Roman" w:hAnsi="Times New Roman" w:cs="Times New Roman"/>
                <w:sz w:val="24"/>
                <w:szCs w:val="24"/>
              </w:rPr>
              <w:t>, состоящими на учете;</w:t>
            </w:r>
          </w:p>
          <w:p w:rsidR="007C22FC" w:rsidRPr="00085F16" w:rsidRDefault="007C22F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организация участия детей группы риска в мероприятиях, посвященных 9 мая;</w:t>
            </w:r>
          </w:p>
          <w:p w:rsidR="007C22FC" w:rsidRPr="00085F16" w:rsidRDefault="007C22F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родительские собрания в 7-8 классах «Воспитание детей и профилактика вредных привычек»;</w:t>
            </w:r>
          </w:p>
          <w:p w:rsidR="007C22FC" w:rsidRPr="00085F16" w:rsidRDefault="007C22F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отчет классных руководителей о работе с детьми из неблагополучных семей и опекаемых;</w:t>
            </w:r>
          </w:p>
          <w:p w:rsidR="007C22FC" w:rsidRPr="00085F16" w:rsidRDefault="007C22F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анализ социально-педагогической деятельности</w:t>
            </w:r>
          </w:p>
        </w:tc>
        <w:tc>
          <w:tcPr>
            <w:tcW w:w="4591" w:type="dxa"/>
          </w:tcPr>
          <w:p w:rsidR="00C53BD1" w:rsidRPr="00085F16" w:rsidRDefault="007C22FC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педагог-психолог, школьный инспектор по охране прав детства</w:t>
            </w:r>
          </w:p>
        </w:tc>
      </w:tr>
    </w:tbl>
    <w:p w:rsidR="00987F21" w:rsidRPr="00085F16" w:rsidRDefault="00987F21" w:rsidP="00085F16">
      <w:pPr>
        <w:rPr>
          <w:rFonts w:ascii="Times New Roman" w:hAnsi="Times New Roman" w:cs="Times New Roman"/>
          <w:sz w:val="24"/>
          <w:szCs w:val="24"/>
        </w:rPr>
      </w:pPr>
    </w:p>
    <w:p w:rsidR="00BC16A9" w:rsidRPr="004F6EA6" w:rsidRDefault="007C22FC" w:rsidP="004E5488">
      <w:pPr>
        <w:pStyle w:val="1"/>
        <w:rPr>
          <w:lang w:val="ru-RU"/>
        </w:rPr>
      </w:pPr>
      <w:bookmarkStart w:id="23" w:name="_Toc120516861"/>
      <w:r w:rsidRPr="00085F16">
        <w:t>VIII</w:t>
      </w:r>
      <w:r w:rsidRPr="004F6EA6">
        <w:rPr>
          <w:lang w:val="ru-RU"/>
        </w:rPr>
        <w:t>. Система работы по организации охраны труда и предупреждению детского травматизма</w:t>
      </w:r>
      <w:bookmarkEnd w:id="23"/>
    </w:p>
    <w:tbl>
      <w:tblPr>
        <w:tblStyle w:val="a3"/>
        <w:tblW w:w="0" w:type="auto"/>
        <w:tblLook w:val="04A0"/>
      </w:tblPr>
      <w:tblGrid>
        <w:gridCol w:w="949"/>
        <w:gridCol w:w="1829"/>
        <w:gridCol w:w="8775"/>
        <w:gridCol w:w="3863"/>
      </w:tblGrid>
      <w:tr w:rsidR="007C22FC" w:rsidRPr="00085F16" w:rsidTr="007C22FC">
        <w:tc>
          <w:tcPr>
            <w:tcW w:w="959" w:type="dxa"/>
          </w:tcPr>
          <w:p w:rsidR="007C22FC" w:rsidRPr="00085F16" w:rsidRDefault="007C22FC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1843" w:type="dxa"/>
          </w:tcPr>
          <w:p w:rsidR="007C22FC" w:rsidRPr="00085F16" w:rsidRDefault="007C22FC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Месяц</w:t>
            </w:r>
          </w:p>
        </w:tc>
        <w:tc>
          <w:tcPr>
            <w:tcW w:w="8908" w:type="dxa"/>
          </w:tcPr>
          <w:p w:rsidR="007C22FC" w:rsidRPr="00085F16" w:rsidRDefault="007C22FC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Мероприятия</w:t>
            </w:r>
          </w:p>
        </w:tc>
        <w:tc>
          <w:tcPr>
            <w:tcW w:w="3904" w:type="dxa"/>
          </w:tcPr>
          <w:p w:rsidR="007C22FC" w:rsidRPr="00085F16" w:rsidRDefault="007C22FC" w:rsidP="00085F16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й</w:t>
            </w:r>
          </w:p>
        </w:tc>
      </w:tr>
      <w:tr w:rsidR="007C22FC" w:rsidRPr="00085F16" w:rsidTr="007C22FC">
        <w:tc>
          <w:tcPr>
            <w:tcW w:w="959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843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8908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Обновление документов по ОТ и ТБ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 Приемка помещений и территории к новому учебному году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 Проведение инструктажей по ОТ и ТБ.</w:t>
            </w:r>
          </w:p>
        </w:tc>
        <w:tc>
          <w:tcPr>
            <w:tcW w:w="3904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  <w:tr w:rsidR="007C22FC" w:rsidRPr="00085F16" w:rsidTr="007C22FC">
        <w:tc>
          <w:tcPr>
            <w:tcW w:w="959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843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ктябрь </w:t>
            </w:r>
          </w:p>
        </w:tc>
        <w:tc>
          <w:tcPr>
            <w:tcW w:w="8908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Контроль за ведением документации по ОТ и ТБ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2. Контроль за выполнением требований СанПиНов при составлении расписания. </w:t>
            </w:r>
          </w:p>
          <w:p w:rsidR="00DA0E11" w:rsidRPr="00085F16" w:rsidRDefault="000B1B39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 Вводный инструктаж по ПП с обучающимися</w:t>
            </w:r>
            <w:r w:rsidR="00DA0E11"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 Заполнение «Листков здоровья».</w:t>
            </w:r>
          </w:p>
        </w:tc>
        <w:tc>
          <w:tcPr>
            <w:tcW w:w="3904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  <w:tr w:rsidR="007C22FC" w:rsidRPr="00085F16" w:rsidTr="007C22FC">
        <w:tc>
          <w:tcPr>
            <w:tcW w:w="959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3</w:t>
            </w:r>
          </w:p>
        </w:tc>
        <w:tc>
          <w:tcPr>
            <w:tcW w:w="1843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Ноябрь </w:t>
            </w:r>
          </w:p>
        </w:tc>
        <w:tc>
          <w:tcPr>
            <w:tcW w:w="8908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Родительское собрание «Профилактика ДДТТ»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 Проверка аптечек первой медицинской помощи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3. Инструктаж с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ми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 перед каникулами.</w:t>
            </w:r>
          </w:p>
        </w:tc>
        <w:tc>
          <w:tcPr>
            <w:tcW w:w="3904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  <w:tr w:rsidR="007C22FC" w:rsidRPr="00085F16" w:rsidTr="007C22FC">
        <w:tc>
          <w:tcPr>
            <w:tcW w:w="959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843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екабрь </w:t>
            </w:r>
          </w:p>
        </w:tc>
        <w:tc>
          <w:tcPr>
            <w:tcW w:w="8908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Мероприятия по предупреждению травматизма во время каникул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2. Проверка классных журналов на предмет проведения инструктажей по ОТ и ТБ с </w:t>
            </w:r>
            <w:r w:rsidR="000B1B39" w:rsidRPr="00085F16">
              <w:rPr>
                <w:rFonts w:ascii="Times New Roman" w:hAnsi="Times New Roman" w:cs="Times New Roman"/>
                <w:sz w:val="24"/>
                <w:szCs w:val="24"/>
              </w:rPr>
              <w:t>обучающимися</w:t>
            </w: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3904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  <w:tr w:rsidR="007C22FC" w:rsidRPr="00085F16" w:rsidTr="007C22FC">
        <w:tc>
          <w:tcPr>
            <w:tcW w:w="959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1843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Январь </w:t>
            </w:r>
          </w:p>
        </w:tc>
        <w:tc>
          <w:tcPr>
            <w:tcW w:w="8908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Контроль за соблюдением требований ОТ и ТБ при проведении праздничных мероприятий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 Отчет комиссии по ОТ и ТБ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 Проверка учреждения на предмет соблюдения ОТ и ТБ.</w:t>
            </w:r>
          </w:p>
        </w:tc>
        <w:tc>
          <w:tcPr>
            <w:tcW w:w="3904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  <w:tr w:rsidR="007C22FC" w:rsidRPr="00085F16" w:rsidTr="007C22FC">
        <w:tc>
          <w:tcPr>
            <w:tcW w:w="959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1843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Февраль </w:t>
            </w:r>
          </w:p>
        </w:tc>
        <w:tc>
          <w:tcPr>
            <w:tcW w:w="8908" w:type="dxa"/>
          </w:tcPr>
          <w:p w:rsidR="007C22FC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Обносление инструкций по проведению экскурсий и пр.выходов за пределы ОУ.</w:t>
            </w:r>
          </w:p>
          <w:p w:rsidR="00DA0E11" w:rsidRPr="00085F16" w:rsidRDefault="00DA0E11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2. </w:t>
            </w:r>
            <w:r w:rsidR="006851D6"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электробезопасности.</w:t>
            </w:r>
          </w:p>
        </w:tc>
        <w:tc>
          <w:tcPr>
            <w:tcW w:w="3904" w:type="dxa"/>
          </w:tcPr>
          <w:p w:rsidR="007C22FC" w:rsidRPr="00085F16" w:rsidRDefault="006851D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  <w:tr w:rsidR="007C22FC" w:rsidRPr="00085F16" w:rsidTr="007C22FC">
        <w:tc>
          <w:tcPr>
            <w:tcW w:w="959" w:type="dxa"/>
          </w:tcPr>
          <w:p w:rsidR="007C22FC" w:rsidRPr="00085F16" w:rsidRDefault="006851D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1843" w:type="dxa"/>
          </w:tcPr>
          <w:p w:rsidR="007C22FC" w:rsidRPr="00085F16" w:rsidRDefault="006851D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рт </w:t>
            </w:r>
          </w:p>
        </w:tc>
        <w:tc>
          <w:tcPr>
            <w:tcW w:w="8908" w:type="dxa"/>
          </w:tcPr>
          <w:p w:rsidR="007C22FC" w:rsidRPr="00085F16" w:rsidRDefault="006851D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Проверка наличия инструкций по ТБ на рабочих местах, состояния напольного покрытия, окон, освещенности.</w:t>
            </w:r>
          </w:p>
          <w:p w:rsidR="006851D6" w:rsidRPr="00085F16" w:rsidRDefault="006851D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 Заседание комиссии по ОТ.</w:t>
            </w:r>
          </w:p>
          <w:p w:rsidR="006851D6" w:rsidRPr="00085F16" w:rsidRDefault="006851D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3. </w:t>
            </w:r>
            <w:r w:rsidR="00154EC6" w:rsidRPr="00085F16">
              <w:rPr>
                <w:rFonts w:ascii="Times New Roman" w:hAnsi="Times New Roman" w:cs="Times New Roman"/>
                <w:sz w:val="24"/>
                <w:szCs w:val="24"/>
              </w:rPr>
              <w:t>Мероприятия по проведению каникул.</w:t>
            </w:r>
          </w:p>
        </w:tc>
        <w:tc>
          <w:tcPr>
            <w:tcW w:w="3904" w:type="dxa"/>
          </w:tcPr>
          <w:p w:rsidR="007C22FC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  <w:tr w:rsidR="00154EC6" w:rsidRPr="00085F16" w:rsidTr="007C22FC">
        <w:tc>
          <w:tcPr>
            <w:tcW w:w="959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1843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прель</w:t>
            </w:r>
          </w:p>
        </w:tc>
        <w:tc>
          <w:tcPr>
            <w:tcW w:w="8908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Контроль за уборкой помещений, использованием санитарно-гигиенических средств.</w:t>
            </w:r>
          </w:p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 Проверка проведения и записей инструктажей по ОТ и ТБ, заполнения «листков здоровья».</w:t>
            </w:r>
          </w:p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 Викторина по ПДД.</w:t>
            </w:r>
          </w:p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 Родительское собрание «Профилактика детского травматизма».</w:t>
            </w:r>
          </w:p>
        </w:tc>
        <w:tc>
          <w:tcPr>
            <w:tcW w:w="3904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  <w:tr w:rsidR="00154EC6" w:rsidRPr="00085F16" w:rsidTr="007C22FC">
        <w:tc>
          <w:tcPr>
            <w:tcW w:w="959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1843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й</w:t>
            </w:r>
          </w:p>
        </w:tc>
        <w:tc>
          <w:tcPr>
            <w:tcW w:w="8908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Проверка изучения правил безопасного поведения в школе, быту, ПДД и т.д.</w:t>
            </w:r>
          </w:p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 Отчет комиссии по ОТ и ТБ.</w:t>
            </w:r>
          </w:p>
        </w:tc>
        <w:tc>
          <w:tcPr>
            <w:tcW w:w="3904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  <w:tr w:rsidR="00154EC6" w:rsidRPr="00085F16" w:rsidTr="007C22FC">
        <w:tc>
          <w:tcPr>
            <w:tcW w:w="959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843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юнь </w:t>
            </w:r>
          </w:p>
        </w:tc>
        <w:tc>
          <w:tcPr>
            <w:tcW w:w="8908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 Анализ деятельности по ОТ и ТБ.</w:t>
            </w:r>
          </w:p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 Планирование деятельности на новый учебный год.</w:t>
            </w:r>
          </w:p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 Составление актов приемки помещений и территории к новому учебному году.</w:t>
            </w:r>
          </w:p>
        </w:tc>
        <w:tc>
          <w:tcPr>
            <w:tcW w:w="3904" w:type="dxa"/>
          </w:tcPr>
          <w:p w:rsidR="00154EC6" w:rsidRPr="00085F16" w:rsidRDefault="00154EC6" w:rsidP="00085F16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отв. за ОТ и ТБ, комиссия по ОТ и ТБ</w:t>
            </w:r>
          </w:p>
        </w:tc>
      </w:tr>
    </w:tbl>
    <w:p w:rsidR="0018306F" w:rsidRPr="00085F16" w:rsidRDefault="0018306F" w:rsidP="00085F16">
      <w:pPr>
        <w:rPr>
          <w:rFonts w:ascii="Times New Roman" w:hAnsi="Times New Roman" w:cs="Times New Roman"/>
          <w:sz w:val="24"/>
          <w:szCs w:val="24"/>
        </w:rPr>
      </w:pPr>
    </w:p>
    <w:p w:rsidR="0018306F" w:rsidRDefault="0018306F" w:rsidP="00085F16">
      <w:pPr>
        <w:rPr>
          <w:rFonts w:ascii="Times New Roman" w:hAnsi="Times New Roman" w:cs="Times New Roman"/>
          <w:sz w:val="24"/>
          <w:szCs w:val="24"/>
        </w:rPr>
      </w:pPr>
    </w:p>
    <w:p w:rsidR="002A244B" w:rsidRDefault="002A244B" w:rsidP="00085F16">
      <w:pPr>
        <w:rPr>
          <w:rFonts w:ascii="Times New Roman" w:hAnsi="Times New Roman" w:cs="Times New Roman"/>
          <w:sz w:val="24"/>
          <w:szCs w:val="24"/>
        </w:rPr>
      </w:pPr>
    </w:p>
    <w:p w:rsidR="002A244B" w:rsidRDefault="002A244B" w:rsidP="00085F16">
      <w:pPr>
        <w:rPr>
          <w:rFonts w:ascii="Times New Roman" w:hAnsi="Times New Roman" w:cs="Times New Roman"/>
          <w:sz w:val="24"/>
          <w:szCs w:val="24"/>
        </w:rPr>
      </w:pPr>
    </w:p>
    <w:p w:rsidR="002A244B" w:rsidRDefault="002A244B" w:rsidP="00085F16">
      <w:pPr>
        <w:rPr>
          <w:rFonts w:ascii="Times New Roman" w:hAnsi="Times New Roman" w:cs="Times New Roman"/>
          <w:sz w:val="24"/>
          <w:szCs w:val="24"/>
        </w:rPr>
      </w:pPr>
    </w:p>
    <w:p w:rsidR="002A244B" w:rsidRDefault="002A244B" w:rsidP="00085F16">
      <w:pPr>
        <w:rPr>
          <w:rFonts w:ascii="Times New Roman" w:hAnsi="Times New Roman" w:cs="Times New Roman"/>
          <w:sz w:val="24"/>
          <w:szCs w:val="24"/>
        </w:rPr>
      </w:pPr>
    </w:p>
    <w:p w:rsidR="002A244B" w:rsidRDefault="002A244B" w:rsidP="00085F16">
      <w:pPr>
        <w:rPr>
          <w:rFonts w:ascii="Times New Roman" w:hAnsi="Times New Roman" w:cs="Times New Roman"/>
          <w:sz w:val="24"/>
          <w:szCs w:val="24"/>
        </w:rPr>
      </w:pPr>
    </w:p>
    <w:p w:rsidR="002A244B" w:rsidRPr="00085F16" w:rsidRDefault="002A244B" w:rsidP="00085F16">
      <w:pPr>
        <w:rPr>
          <w:rFonts w:ascii="Times New Roman" w:hAnsi="Times New Roman" w:cs="Times New Roman"/>
          <w:sz w:val="24"/>
          <w:szCs w:val="24"/>
        </w:rPr>
      </w:pPr>
    </w:p>
    <w:p w:rsidR="0018306F" w:rsidRPr="00085F16" w:rsidRDefault="0018306F" w:rsidP="00085F16">
      <w:pPr>
        <w:rPr>
          <w:rFonts w:ascii="Times New Roman" w:hAnsi="Times New Roman" w:cs="Times New Roman"/>
          <w:sz w:val="24"/>
          <w:szCs w:val="24"/>
        </w:rPr>
      </w:pPr>
    </w:p>
    <w:p w:rsidR="002A244B" w:rsidRPr="004F6EA6" w:rsidRDefault="00154EC6" w:rsidP="004E5488">
      <w:pPr>
        <w:pStyle w:val="1"/>
        <w:rPr>
          <w:lang w:val="ru-RU"/>
        </w:rPr>
      </w:pPr>
      <w:bookmarkStart w:id="24" w:name="_Toc120516862"/>
      <w:r w:rsidRPr="00085F16">
        <w:t>IX</w:t>
      </w:r>
      <w:r w:rsidRPr="004F6EA6">
        <w:rPr>
          <w:lang w:val="ru-RU"/>
        </w:rPr>
        <w:t>. Деятельность педагогического коллектива, направленная на построение и реализацию системы воспитательной работы.</w:t>
      </w:r>
      <w:bookmarkEnd w:id="24"/>
    </w:p>
    <w:p w:rsidR="002A244B" w:rsidRDefault="002A244B" w:rsidP="002A244B">
      <w:pPr>
        <w:shd w:val="clear" w:color="auto" w:fill="FFFFFF"/>
        <w:spacing w:before="100" w:beforeAutospacing="1" w:after="100" w:afterAutospacing="1"/>
        <w:jc w:val="center"/>
        <w:rPr>
          <w:rFonts w:ascii="Times New Roman" w:hAnsi="Times New Roman" w:cs="Times New Roman"/>
          <w:b/>
          <w:sz w:val="24"/>
          <w:szCs w:val="24"/>
          <w:lang w:eastAsia="ru-RU"/>
        </w:rPr>
      </w:pPr>
      <w:r w:rsidRPr="002A244B">
        <w:rPr>
          <w:rFonts w:ascii="Times New Roman" w:hAnsi="Times New Roman" w:cs="Times New Roman"/>
          <w:b/>
          <w:bCs/>
          <w:sz w:val="24"/>
          <w:szCs w:val="24"/>
          <w:lang w:eastAsia="ru-RU"/>
        </w:rPr>
        <w:t xml:space="preserve"> </w:t>
      </w:r>
      <w:r w:rsidRPr="00085F16">
        <w:rPr>
          <w:rFonts w:ascii="Times New Roman" w:hAnsi="Times New Roman" w:cs="Times New Roman"/>
          <w:b/>
          <w:bCs/>
          <w:sz w:val="24"/>
          <w:szCs w:val="24"/>
          <w:lang w:eastAsia="ru-RU"/>
        </w:rPr>
        <w:t>2022 ГОД</w:t>
      </w:r>
      <w:r w:rsidRPr="00085F16">
        <w:rPr>
          <w:rFonts w:ascii="Times New Roman" w:hAnsi="Times New Roman" w:cs="Times New Roman"/>
          <w:b/>
          <w:sz w:val="24"/>
          <w:szCs w:val="24"/>
          <w:lang w:eastAsia="ru-RU"/>
        </w:rPr>
        <w:t xml:space="preserve"> – Год педагога и наставника</w:t>
      </w:r>
    </w:p>
    <w:p w:rsidR="00CB1BA9" w:rsidRDefault="00CB1BA9" w:rsidP="00085F16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153F86" w:rsidRPr="00085F16" w:rsidRDefault="00153F86" w:rsidP="00085F16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tbl>
      <w:tblPr>
        <w:tblStyle w:val="TableGrid2"/>
        <w:tblpPr w:leftFromText="180" w:rightFromText="180" w:vertAnchor="text" w:horzAnchor="margin" w:tblpY="-293"/>
        <w:tblW w:w="15274" w:type="dxa"/>
        <w:tblInd w:w="0" w:type="dxa"/>
        <w:tblLayout w:type="fixed"/>
        <w:tblCellMar>
          <w:top w:w="8" w:type="dxa"/>
          <w:left w:w="106" w:type="dxa"/>
          <w:right w:w="50" w:type="dxa"/>
        </w:tblCellMar>
        <w:tblLook w:val="04A0"/>
      </w:tblPr>
      <w:tblGrid>
        <w:gridCol w:w="15274"/>
      </w:tblGrid>
      <w:tr w:rsidR="002A244B" w:rsidRPr="00085F16" w:rsidTr="00FF60E1">
        <w:trPr>
          <w:trHeight w:val="1664"/>
        </w:trPr>
        <w:tc>
          <w:tcPr>
            <w:tcW w:w="1527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D9D9D9"/>
          </w:tcPr>
          <w:p w:rsidR="002A244B" w:rsidRPr="00085F16" w:rsidRDefault="002A244B" w:rsidP="00FF60E1">
            <w:pPr>
              <w:spacing w:after="171" w:line="276" w:lineRule="auto"/>
              <w:jc w:val="center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  <w:p w:rsidR="002A244B" w:rsidRPr="004F6EA6" w:rsidRDefault="002A244B" w:rsidP="004E5488">
            <w:pPr>
              <w:pStyle w:val="2"/>
              <w:outlineLvl w:val="1"/>
              <w:rPr>
                <w:lang w:val="ru-RU"/>
              </w:rPr>
            </w:pPr>
            <w:bookmarkStart w:id="25" w:name="_Toc120516863"/>
            <w:r w:rsidRPr="004F6EA6">
              <w:rPr>
                <w:lang w:val="ru-RU"/>
              </w:rPr>
              <w:t>ПЛАН ВОСПИТАТЕЛЬНОЙ РАБОТЫ ШКОЛЫ</w:t>
            </w:r>
            <w:bookmarkEnd w:id="25"/>
            <w:r w:rsidRPr="004F6EA6">
              <w:rPr>
                <w:lang w:val="ru-RU"/>
              </w:rPr>
              <w:t xml:space="preserve">  </w:t>
            </w:r>
          </w:p>
          <w:p w:rsidR="002A244B" w:rsidRPr="004F6EA6" w:rsidRDefault="002A244B" w:rsidP="004E5488">
            <w:pPr>
              <w:pStyle w:val="2"/>
              <w:outlineLvl w:val="1"/>
              <w:rPr>
                <w:lang w:val="ru-RU"/>
              </w:rPr>
            </w:pPr>
            <w:bookmarkStart w:id="26" w:name="_Toc120516864"/>
            <w:r w:rsidRPr="004F6EA6">
              <w:rPr>
                <w:lang w:val="ru-RU"/>
              </w:rPr>
              <w:t>НА 2022-2023 УЧЕБНЫЙ ГОД</w:t>
            </w:r>
            <w:bookmarkEnd w:id="26"/>
            <w:r w:rsidRPr="004F6EA6">
              <w:rPr>
                <w:lang w:val="ru-RU"/>
              </w:rPr>
              <w:t xml:space="preserve"> </w:t>
            </w:r>
          </w:p>
          <w:p w:rsidR="002A244B" w:rsidRPr="00085F16" w:rsidRDefault="002A244B" w:rsidP="00FF60E1">
            <w:pPr>
              <w:spacing w:line="276" w:lineRule="auto"/>
              <w:ind w:left="2562" w:right="2561"/>
              <w:jc w:val="center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</w:tc>
      </w:tr>
    </w:tbl>
    <w:p w:rsidR="002A244B" w:rsidRPr="00384111" w:rsidRDefault="002A244B" w:rsidP="002A244B">
      <w:pPr>
        <w:widowControl w:val="0"/>
        <w:autoSpaceDE w:val="0"/>
        <w:autoSpaceDN w:val="0"/>
        <w:spacing w:before="10" w:after="0" w:line="240" w:lineRule="auto"/>
        <w:rPr>
          <w:rFonts w:ascii="Times New Roman" w:eastAsia="Times New Roman" w:hAnsi="Times New Roman" w:cs="Times New Roman"/>
          <w:b/>
          <w:sz w:val="21"/>
          <w:szCs w:val="28"/>
        </w:rPr>
      </w:pPr>
    </w:p>
    <w:tbl>
      <w:tblPr>
        <w:tblStyle w:val="TableNormal"/>
        <w:tblW w:w="0" w:type="auto"/>
        <w:tblInd w:w="121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1809"/>
        <w:gridCol w:w="769"/>
        <w:gridCol w:w="6095"/>
        <w:gridCol w:w="1134"/>
        <w:gridCol w:w="2250"/>
        <w:gridCol w:w="18"/>
        <w:gridCol w:w="2779"/>
      </w:tblGrid>
      <w:tr w:rsidR="002A244B" w:rsidRPr="00384111" w:rsidTr="00FF60E1">
        <w:trPr>
          <w:trHeight w:val="779"/>
        </w:trPr>
        <w:tc>
          <w:tcPr>
            <w:tcW w:w="14854" w:type="dxa"/>
            <w:gridSpan w:val="7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940628" w:rsidRDefault="002A244B" w:rsidP="00FF60E1">
            <w:pPr>
              <w:spacing w:before="11"/>
              <w:ind w:right="6926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lastRenderedPageBreak/>
              <w:t xml:space="preserve">                                                                            </w:t>
            </w:r>
            <w:r w:rsidRPr="00940628">
              <w:rPr>
                <w:rFonts w:ascii="Times New Roman" w:eastAsia="Times New Roman" w:hAnsi="Times New Roman"/>
                <w:b/>
                <w:sz w:val="24"/>
                <w:lang w:val="ru-RU"/>
              </w:rPr>
              <w:t>СЕНТЯБРЬ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есяца: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«Внимание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-</w:t>
            </w:r>
            <w:r w:rsidRPr="00384111">
              <w:rPr>
                <w:rFonts w:ascii="Times New Roman" w:eastAsia="Times New Roman" w:hAnsi="Times New Roman"/>
                <w:b/>
                <w:spacing w:val="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ти!»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Неделя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безопасности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(по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отдельному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лану)</w:t>
            </w:r>
          </w:p>
        </w:tc>
      </w:tr>
      <w:tr w:rsidR="002A244B" w:rsidRPr="00384111" w:rsidTr="00FF60E1">
        <w:trPr>
          <w:trHeight w:val="609"/>
        </w:trPr>
        <w:tc>
          <w:tcPr>
            <w:tcW w:w="2578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98" w:lineRule="exact"/>
              <w:ind w:right="775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Направление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еятельности</w:t>
            </w:r>
          </w:p>
        </w:tc>
        <w:tc>
          <w:tcPr>
            <w:tcW w:w="6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4"/>
              <w:ind w:right="2398"/>
              <w:jc w:val="center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Мероприятия</w:t>
            </w:r>
          </w:p>
        </w:tc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Классы</w:t>
            </w:r>
          </w:p>
        </w:tc>
        <w:tc>
          <w:tcPr>
            <w:tcW w:w="22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роки</w:t>
            </w:r>
          </w:p>
        </w:tc>
        <w:tc>
          <w:tcPr>
            <w:tcW w:w="2797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Ответственные</w:t>
            </w:r>
          </w:p>
        </w:tc>
      </w:tr>
      <w:tr w:rsidR="002A244B" w:rsidRPr="00384111" w:rsidTr="00FF60E1">
        <w:trPr>
          <w:trHeight w:val="813"/>
        </w:trPr>
        <w:tc>
          <w:tcPr>
            <w:tcW w:w="2578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 w:line="259" w:lineRule="auto"/>
              <w:ind w:right="599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Традиционные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мероприятия</w:t>
            </w:r>
          </w:p>
        </w:tc>
        <w:tc>
          <w:tcPr>
            <w:tcW w:w="6095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 w:line="259" w:lineRule="auto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Знаний.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Линейка.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роки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знаний.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</w:p>
        </w:tc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2250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>
              <w:rPr>
                <w:rFonts w:ascii="Times New Roman" w:eastAsia="Times New Roman" w:hAnsi="Times New Roman"/>
                <w:sz w:val="24"/>
              </w:rPr>
              <w:t>0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5</w:t>
            </w:r>
            <w:r w:rsidRPr="00384111">
              <w:rPr>
                <w:rFonts w:ascii="Times New Roman" w:eastAsia="Times New Roman" w:hAnsi="Times New Roman"/>
                <w:sz w:val="24"/>
              </w:rPr>
              <w:t>.09.2022</w:t>
            </w:r>
          </w:p>
        </w:tc>
        <w:tc>
          <w:tcPr>
            <w:tcW w:w="2797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2" w:line="223" w:lineRule="auto"/>
              <w:ind w:right="29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.</w:t>
            </w:r>
          </w:p>
          <w:p w:rsidR="002A244B" w:rsidRDefault="002A244B" w:rsidP="00FF60E1">
            <w:pPr>
              <w:spacing w:before="6" w:line="267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  <w:p w:rsidR="002A244B" w:rsidRPr="00384111" w:rsidRDefault="002A244B" w:rsidP="00FF60E1">
            <w:pPr>
              <w:spacing w:before="6" w:line="267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</w:tr>
      <w:tr w:rsidR="002A244B" w:rsidRPr="00384111" w:rsidTr="00FF60E1">
        <w:trPr>
          <w:trHeight w:val="1389"/>
        </w:trPr>
        <w:tc>
          <w:tcPr>
            <w:tcW w:w="1809" w:type="dxa"/>
            <w:tcBorders>
              <w:top w:val="single" w:sz="4" w:space="0" w:color="000000"/>
              <w:left w:val="single" w:sz="4" w:space="0" w:color="000000"/>
              <w:bottom w:val="nil"/>
              <w:right w:val="nil"/>
            </w:tcBorders>
            <w:hideMark/>
          </w:tcPr>
          <w:p w:rsidR="002A244B" w:rsidRPr="00384111" w:rsidRDefault="002A244B" w:rsidP="00FF60E1">
            <w:pPr>
              <w:spacing w:before="13" w:line="256" w:lineRule="auto"/>
              <w:ind w:right="370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абота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родителями</w:t>
            </w:r>
          </w:p>
        </w:tc>
        <w:tc>
          <w:tcPr>
            <w:tcW w:w="769" w:type="dxa"/>
            <w:tcBorders>
              <w:top w:val="single" w:sz="4" w:space="0" w:color="000000"/>
              <w:left w:val="nil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ind w:right="58"/>
              <w:jc w:val="right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</w:t>
            </w:r>
          </w:p>
        </w:tc>
        <w:tc>
          <w:tcPr>
            <w:tcW w:w="6095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ект «Здравствуй,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школа!»</w:t>
            </w:r>
          </w:p>
          <w:p w:rsidR="002A244B" w:rsidRPr="00940628" w:rsidRDefault="002A244B" w:rsidP="00FF60E1">
            <w:pPr>
              <w:spacing w:before="27" w:line="232" w:lineRule="auto"/>
              <w:ind w:right="43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боры членов общешкольного родительского комитета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ейд по проверке наличия схем безопасного маршрута у уч-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-5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ов</w:t>
            </w:r>
            <w:r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>.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одительский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атруль.</w:t>
            </w:r>
          </w:p>
        </w:tc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1-11</w:t>
            </w:r>
          </w:p>
        </w:tc>
        <w:tc>
          <w:tcPr>
            <w:tcW w:w="2250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64014D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 w:line="228" w:lineRule="auto"/>
              <w:ind w:right="29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.</w:t>
            </w:r>
          </w:p>
          <w:p w:rsidR="002A244B" w:rsidRPr="00384111" w:rsidRDefault="002A244B" w:rsidP="00FF60E1">
            <w:pPr>
              <w:spacing w:line="256" w:lineRule="auto"/>
              <w:ind w:right="19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</w:p>
        </w:tc>
      </w:tr>
      <w:tr w:rsidR="002A244B" w:rsidRPr="00384111" w:rsidTr="00FF60E1">
        <w:trPr>
          <w:trHeight w:val="792"/>
        </w:trPr>
        <w:tc>
          <w:tcPr>
            <w:tcW w:w="2578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3" w:line="256" w:lineRule="auto"/>
              <w:ind w:right="64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Гражданск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патриотическое</w:t>
            </w:r>
          </w:p>
        </w:tc>
        <w:tc>
          <w:tcPr>
            <w:tcW w:w="6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022A8E" w:rsidRDefault="002A244B" w:rsidP="00FF60E1">
            <w:pPr>
              <w:spacing w:line="256" w:lineRule="auto"/>
              <w:ind w:right="1591"/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</w:pPr>
            <w:r w:rsidRPr="00022A8E">
              <w:rPr>
                <w:rFonts w:ascii="Times New Roman" w:eastAsia="Times New Roman" w:hAnsi="Times New Roman"/>
                <w:b/>
                <w:sz w:val="24"/>
                <w:lang w:val="ru-RU"/>
              </w:rPr>
              <w:t xml:space="preserve">Классные часы </w:t>
            </w: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 xml:space="preserve"> </w:t>
            </w:r>
            <w:r w:rsidRPr="00022A8E">
              <w:rPr>
                <w:rFonts w:ascii="Times New Roman" w:eastAsia="Times New Roman" w:hAnsi="Times New Roman"/>
                <w:b/>
                <w:sz w:val="24"/>
                <w:lang w:val="ru-RU"/>
              </w:rPr>
              <w:t>«Разговор о важном»</w:t>
            </w:r>
            <w:r w:rsidRPr="00022A8E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</w:p>
          <w:p w:rsidR="002A244B" w:rsidRDefault="002A244B" w:rsidP="00FF60E1">
            <w:pPr>
              <w:spacing w:line="256" w:lineRule="auto"/>
              <w:ind w:right="1591"/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line="256" w:lineRule="auto"/>
              <w:ind w:right="1591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268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0A6509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течение</w:t>
            </w:r>
            <w:r w:rsidRPr="000A6509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месяца</w:t>
            </w:r>
          </w:p>
          <w:p w:rsidR="002A244B" w:rsidRPr="004F30BF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каждый понедельник</w:t>
            </w:r>
          </w:p>
        </w:tc>
        <w:tc>
          <w:tcPr>
            <w:tcW w:w="27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56" w:lineRule="auto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К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ассные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,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дагог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>-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сихолог</w:t>
            </w:r>
          </w:p>
        </w:tc>
      </w:tr>
      <w:tr w:rsidR="002A244B" w:rsidRPr="00384111" w:rsidTr="00FF60E1">
        <w:trPr>
          <w:trHeight w:val="1037"/>
        </w:trPr>
        <w:tc>
          <w:tcPr>
            <w:tcW w:w="2578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2" w:line="228" w:lineRule="auto"/>
              <w:ind w:right="410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портивн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оздоровительное</w:t>
            </w:r>
          </w:p>
        </w:tc>
        <w:tc>
          <w:tcPr>
            <w:tcW w:w="6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 w:line="223" w:lineRule="auto"/>
              <w:ind w:right="131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сероссийский открытый урок по безопасности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        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жизнедеятельности</w:t>
            </w:r>
          </w:p>
        </w:tc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1-11</w:t>
            </w:r>
          </w:p>
        </w:tc>
        <w:tc>
          <w:tcPr>
            <w:tcW w:w="22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>
              <w:rPr>
                <w:rFonts w:ascii="Times New Roman" w:eastAsia="Times New Roman" w:hAnsi="Times New Roman"/>
                <w:sz w:val="24"/>
              </w:rPr>
              <w:t>0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7</w:t>
            </w:r>
            <w:r w:rsidRPr="00384111">
              <w:rPr>
                <w:rFonts w:ascii="Times New Roman" w:eastAsia="Times New Roman" w:hAnsi="Times New Roman"/>
                <w:sz w:val="24"/>
              </w:rPr>
              <w:t>.09.2022</w:t>
            </w:r>
          </w:p>
        </w:tc>
        <w:tc>
          <w:tcPr>
            <w:tcW w:w="2797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 w:line="223" w:lineRule="auto"/>
              <w:ind w:right="29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.,</w:t>
            </w:r>
            <w:r w:rsidRPr="00384111">
              <w:rPr>
                <w:rFonts w:ascii="Times New Roman" w:eastAsia="Times New Roman" w:hAnsi="Times New Roman"/>
                <w:spacing w:val="5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итель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Ж</w:t>
            </w:r>
          </w:p>
        </w:tc>
      </w:tr>
    </w:tbl>
    <w:tbl>
      <w:tblPr>
        <w:tblStyle w:val="TableNormal"/>
        <w:tblpPr w:leftFromText="180" w:rightFromText="180" w:vertAnchor="text" w:horzAnchor="margin" w:tblpX="147" w:tblpY="1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557"/>
        <w:gridCol w:w="6053"/>
        <w:gridCol w:w="1176"/>
        <w:gridCol w:w="2268"/>
        <w:gridCol w:w="2693"/>
      </w:tblGrid>
      <w:tr w:rsidR="005374B6" w:rsidRPr="00384111" w:rsidTr="005374B6">
        <w:trPr>
          <w:trHeight w:val="2117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амоуправление</w:t>
            </w:r>
          </w:p>
        </w:tc>
        <w:tc>
          <w:tcPr>
            <w:tcW w:w="60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 w:line="256" w:lineRule="auto"/>
              <w:ind w:right="2694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 w:line="256" w:lineRule="auto"/>
              <w:ind w:right="2694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боры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ктива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, актива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а.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формлени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х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голков</w:t>
            </w:r>
          </w:p>
          <w:p w:rsidR="005374B6" w:rsidRPr="00384111" w:rsidRDefault="005374B6" w:rsidP="005374B6">
            <w:pPr>
              <w:spacing w:before="1" w:line="220" w:lineRule="auto"/>
              <w:ind w:right="63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седание совета старшеклассников. Организация Дня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ителя,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спределение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язанностей.</w:t>
            </w: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дготовка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н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ителя</w:t>
            </w:r>
          </w:p>
          <w:p w:rsidR="005374B6" w:rsidRPr="00384111" w:rsidRDefault="005374B6" w:rsidP="005374B6">
            <w:pPr>
              <w:spacing w:before="21" w:line="256" w:lineRule="auto"/>
              <w:ind w:right="643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ейд по проверке соблюдения Положения о школьной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форм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Организационная линейка</w:t>
            </w:r>
          </w:p>
        </w:tc>
        <w:tc>
          <w:tcPr>
            <w:tcW w:w="11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5374B6" w:rsidRPr="00384111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5374B6" w:rsidRDefault="005374B6" w:rsidP="005374B6">
            <w:pPr>
              <w:spacing w:before="25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</w:rPr>
              <w:t>5-11</w:t>
            </w:r>
          </w:p>
          <w:p w:rsidR="005374B6" w:rsidRPr="00384111" w:rsidRDefault="005374B6" w:rsidP="005374B6">
            <w:pPr>
              <w:spacing w:before="25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5374B6" w:rsidRPr="00384111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5374B6" w:rsidRPr="00384111" w:rsidRDefault="005374B6" w:rsidP="005374B6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2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0.09.2022</w:t>
            </w:r>
          </w:p>
          <w:p w:rsidR="005374B6" w:rsidRPr="00384111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нтябрь</w:t>
            </w:r>
          </w:p>
          <w:p w:rsidR="005374B6" w:rsidRDefault="005374B6" w:rsidP="005374B6">
            <w:pPr>
              <w:spacing w:before="30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>07.09.2022</w:t>
            </w:r>
          </w:p>
          <w:p w:rsidR="005374B6" w:rsidRPr="0044724C" w:rsidRDefault="005374B6" w:rsidP="005374B6">
            <w:pPr>
              <w:spacing w:before="30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сяц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аждую пятницу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Default="005374B6" w:rsidP="005374B6">
            <w:pPr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rPr>
                <w:rFonts w:ascii="Times New Roman" w:eastAsia="Times New Roman" w:hAnsi="Times New Roman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Администрация школы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5374B6" w:rsidRPr="00384111" w:rsidTr="005374B6">
        <w:trPr>
          <w:trHeight w:val="840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Экологическое</w:t>
            </w:r>
          </w:p>
        </w:tc>
        <w:tc>
          <w:tcPr>
            <w:tcW w:w="60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 w:line="259" w:lineRule="auto"/>
              <w:ind w:right="151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борк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школьно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ишкольно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рритори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зелен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ов</w:t>
            </w:r>
          </w:p>
        </w:tc>
        <w:tc>
          <w:tcPr>
            <w:tcW w:w="11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2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 w:line="259" w:lineRule="auto"/>
              <w:ind w:right="18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Администрация школы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5374B6" w:rsidRPr="00384111" w:rsidTr="005374B6">
        <w:trPr>
          <w:trHeight w:val="1204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 w:line="256" w:lineRule="auto"/>
              <w:ind w:right="35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lastRenderedPageBreak/>
              <w:t>Система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ополнительного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образования</w:t>
            </w:r>
          </w:p>
        </w:tc>
        <w:tc>
          <w:tcPr>
            <w:tcW w:w="60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рганизация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мощи учащимся</w:t>
            </w:r>
            <w:r w:rsidRPr="00384111">
              <w:rPr>
                <w:rFonts w:ascii="Times New Roman" w:eastAsia="Times New Roman" w:hAnsi="Times New Roman"/>
                <w:spacing w:val="5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пределении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тересов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(кружки,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кции)</w:t>
            </w:r>
          </w:p>
        </w:tc>
        <w:tc>
          <w:tcPr>
            <w:tcW w:w="11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2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Д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10.09.22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37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. рук., руководители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ружковых объединений,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дагог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п.</w:t>
            </w:r>
          </w:p>
          <w:p w:rsidR="005374B6" w:rsidRPr="00384111" w:rsidRDefault="005374B6" w:rsidP="005374B6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образования</w:t>
            </w:r>
          </w:p>
        </w:tc>
      </w:tr>
      <w:tr w:rsidR="005374B6" w:rsidRPr="00384111" w:rsidTr="005374B6">
        <w:trPr>
          <w:trHeight w:val="1543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 w:line="256" w:lineRule="auto"/>
              <w:ind w:right="587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Профилактика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ДТТ</w:t>
            </w:r>
          </w:p>
        </w:tc>
        <w:tc>
          <w:tcPr>
            <w:tcW w:w="60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6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ставление схем безопасного маршрута «Дом-школа-дом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 ПДД,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асы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 теме</w:t>
            </w:r>
          </w:p>
          <w:p w:rsidR="005374B6" w:rsidRPr="00384111" w:rsidRDefault="005374B6" w:rsidP="005374B6">
            <w:pPr>
              <w:spacing w:line="256" w:lineRule="auto"/>
              <w:ind w:right="275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освящени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юны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шеходы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кция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Наш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опасность»</w:t>
            </w:r>
          </w:p>
        </w:tc>
        <w:tc>
          <w:tcPr>
            <w:tcW w:w="11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5</w:t>
            </w:r>
          </w:p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5374B6" w:rsidRPr="00384111" w:rsidRDefault="005374B6" w:rsidP="005374B6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2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18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ОБЖ</w:t>
            </w:r>
          </w:p>
        </w:tc>
      </w:tr>
      <w:tr w:rsidR="005374B6" w:rsidRPr="00384111" w:rsidTr="005374B6">
        <w:trPr>
          <w:trHeight w:val="1116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 w:line="232" w:lineRule="auto"/>
              <w:ind w:right="196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Профессионально-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трудово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экономическо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воспитание</w:t>
            </w:r>
          </w:p>
        </w:tc>
        <w:tc>
          <w:tcPr>
            <w:tcW w:w="60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рганизация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журства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ам,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школе</w:t>
            </w:r>
          </w:p>
          <w:p w:rsidR="005374B6" w:rsidRPr="00384111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Трудово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сант»</w:t>
            </w:r>
            <w:r w:rsidRPr="00384111">
              <w:rPr>
                <w:rFonts w:ascii="Times New Roman" w:eastAsia="Times New Roman" w:hAnsi="Times New Roman"/>
                <w:spacing w:val="-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-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борк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ишкольного участка</w:t>
            </w:r>
          </w:p>
        </w:tc>
        <w:tc>
          <w:tcPr>
            <w:tcW w:w="11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5374B6" w:rsidRPr="00384111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2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9" w:line="256" w:lineRule="auto"/>
              <w:ind w:right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09-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14.09.2022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9" w:line="256" w:lineRule="auto"/>
              <w:ind w:right="-2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 по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. ,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,</w:t>
            </w:r>
          </w:p>
        </w:tc>
      </w:tr>
    </w:tbl>
    <w:p w:rsidR="002A244B" w:rsidRPr="00384111" w:rsidRDefault="002A244B" w:rsidP="002A244B">
      <w:pPr>
        <w:widowControl w:val="0"/>
        <w:autoSpaceDE w:val="0"/>
        <w:autoSpaceDN w:val="0"/>
        <w:spacing w:before="10" w:after="0" w:line="240" w:lineRule="auto"/>
        <w:rPr>
          <w:rFonts w:ascii="Times New Roman" w:eastAsia="Times New Roman" w:hAnsi="Times New Roman" w:cs="Times New Roman"/>
          <w:b/>
          <w:sz w:val="25"/>
          <w:szCs w:val="28"/>
        </w:rPr>
      </w:pPr>
    </w:p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2A244B">
          <w:pgSz w:w="16840" w:h="11910" w:orient="landscape"/>
          <w:pgMar w:top="567" w:right="760" w:bottom="1080" w:left="880" w:header="0" w:footer="896" w:gutter="0"/>
          <w:cols w:space="720"/>
        </w:sectPr>
      </w:pPr>
    </w:p>
    <w:p w:rsidR="002A244B" w:rsidRDefault="002A244B" w:rsidP="002A244B">
      <w:pPr>
        <w:spacing w:after="0" w:line="256" w:lineRule="auto"/>
        <w:rPr>
          <w:rFonts w:ascii="Times New Roman" w:eastAsia="Times New Roman" w:hAnsi="Times New Roman" w:cs="Times New Roman"/>
          <w:sz w:val="24"/>
        </w:rPr>
      </w:pPr>
    </w:p>
    <w:tbl>
      <w:tblPr>
        <w:tblStyle w:val="TableNormal"/>
        <w:tblpPr w:leftFromText="180" w:rightFromText="180" w:vertAnchor="text" w:horzAnchor="margin" w:tblpY="100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379"/>
        <w:gridCol w:w="6378"/>
        <w:gridCol w:w="991"/>
        <w:gridCol w:w="2304"/>
        <w:gridCol w:w="2795"/>
      </w:tblGrid>
      <w:tr w:rsidR="005374B6" w:rsidRPr="00384111" w:rsidTr="005374B6">
        <w:trPr>
          <w:trHeight w:val="1975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11" w:line="256" w:lineRule="auto"/>
              <w:ind w:right="49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11" w:line="256" w:lineRule="auto"/>
              <w:ind w:right="49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Формировани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>жизнестойкост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чащихся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(профилактика</w:t>
            </w:r>
          </w:p>
          <w:p w:rsidR="005374B6" w:rsidRPr="00940628" w:rsidRDefault="005374B6" w:rsidP="005374B6">
            <w:pPr>
              <w:tabs>
                <w:tab w:val="left" w:pos="2174"/>
              </w:tabs>
              <w:spacing w:before="1" w:line="254" w:lineRule="auto"/>
              <w:ind w:right="54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безнадзорности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ab/>
            </w:r>
            <w:r w:rsidRPr="00384111">
              <w:rPr>
                <w:rFonts w:ascii="Times New Roman" w:eastAsia="Times New Roman" w:hAnsi="Times New Roman"/>
                <w:b/>
                <w:spacing w:val="-4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вонарушений</w:t>
            </w: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>.</w:t>
            </w:r>
          </w:p>
        </w:tc>
        <w:tc>
          <w:tcPr>
            <w:tcW w:w="63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5" w:line="223" w:lineRule="auto"/>
              <w:ind w:right="297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5" w:line="223" w:lineRule="auto"/>
              <w:ind w:right="297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 с уч-ся «Устав школы», режим работы, правила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ведения в школе, права и обязанности, учащихся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ставлени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циального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аспорта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школы,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писко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тей</w:t>
            </w:r>
          </w:p>
          <w:p w:rsidR="005374B6" w:rsidRPr="00384111" w:rsidRDefault="005374B6" w:rsidP="005374B6">
            <w:pPr>
              <w:spacing w:before="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группы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иска»</w:t>
            </w:r>
          </w:p>
          <w:p w:rsidR="005374B6" w:rsidRPr="00384111" w:rsidRDefault="005374B6" w:rsidP="005374B6">
            <w:pPr>
              <w:spacing w:before="22" w:line="256" w:lineRule="auto"/>
              <w:ind w:right="245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блюдени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тьми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руппы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иск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ещ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мей СОП</w:t>
            </w:r>
          </w:p>
          <w:p w:rsidR="005374B6" w:rsidRPr="00384111" w:rsidRDefault="005374B6" w:rsidP="005374B6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седани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Совета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рофилактики</w:t>
            </w:r>
          </w:p>
        </w:tc>
        <w:tc>
          <w:tcPr>
            <w:tcW w:w="99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30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Default="005374B6" w:rsidP="005374B6">
            <w:pPr>
              <w:spacing w:before="6" w:line="444" w:lineRule="auto"/>
              <w:ind w:right="389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 w:line="444" w:lineRule="auto"/>
              <w:ind w:right="38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сяц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3.09.22</w:t>
            </w:r>
          </w:p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b/>
                <w:lang w:val="ru-RU"/>
              </w:rPr>
            </w:pPr>
          </w:p>
          <w:p w:rsidR="005374B6" w:rsidRPr="00384111" w:rsidRDefault="005374B6" w:rsidP="005374B6">
            <w:pPr>
              <w:spacing w:line="256" w:lineRule="auto"/>
              <w:ind w:right="37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 течение месяца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20.09.22</w:t>
            </w:r>
          </w:p>
        </w:tc>
        <w:tc>
          <w:tcPr>
            <w:tcW w:w="27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line="230" w:lineRule="auto"/>
              <w:ind w:right="-15"/>
              <w:jc w:val="both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line="230" w:lineRule="auto"/>
              <w:ind w:right="-15"/>
              <w:jc w:val="both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 по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ВР и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 педагог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-психолог 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  <w:tr w:rsidR="005374B6" w:rsidRPr="00384111" w:rsidTr="005374B6">
        <w:trPr>
          <w:trHeight w:val="704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 w:line="256" w:lineRule="auto"/>
              <w:ind w:right="486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Художественно-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эстетическое</w:t>
            </w:r>
          </w:p>
        </w:tc>
        <w:tc>
          <w:tcPr>
            <w:tcW w:w="63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курс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исунков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«Къостайы фœдонтœ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...»</w:t>
            </w:r>
          </w:p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(по произведениям К.Хетагурова)</w:t>
            </w:r>
          </w:p>
          <w:p w:rsidR="005374B6" w:rsidRPr="00384111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дготовка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мероприятий 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ню учителя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и декаде Коста </w:t>
            </w:r>
          </w:p>
        </w:tc>
        <w:tc>
          <w:tcPr>
            <w:tcW w:w="99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30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8.09.2022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7.09.2022</w:t>
            </w:r>
          </w:p>
        </w:tc>
        <w:tc>
          <w:tcPr>
            <w:tcW w:w="27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18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итель ИЗО,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директора по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 ВР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,учителя осетинского языка.</w:t>
            </w:r>
          </w:p>
        </w:tc>
      </w:tr>
    </w:tbl>
    <w:p w:rsidR="002A244B" w:rsidRDefault="002A244B" w:rsidP="002A244B">
      <w:pPr>
        <w:spacing w:after="0" w:line="256" w:lineRule="auto"/>
        <w:rPr>
          <w:rFonts w:ascii="Times New Roman" w:eastAsia="Times New Roman" w:hAnsi="Times New Roman" w:cs="Times New Roman"/>
          <w:sz w:val="24"/>
        </w:rPr>
      </w:pPr>
    </w:p>
    <w:tbl>
      <w:tblPr>
        <w:tblStyle w:val="TableNormal"/>
        <w:tblpPr w:leftFromText="180" w:rightFromText="180" w:vertAnchor="text" w:horzAnchor="margin" w:tblpY="-68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235"/>
        <w:gridCol w:w="144"/>
        <w:gridCol w:w="6375"/>
        <w:gridCol w:w="993"/>
        <w:gridCol w:w="141"/>
        <w:gridCol w:w="2162"/>
        <w:gridCol w:w="2801"/>
      </w:tblGrid>
      <w:tr w:rsidR="005374B6" w:rsidRPr="00384111" w:rsidTr="005374B6">
        <w:trPr>
          <w:trHeight w:val="906"/>
        </w:trPr>
        <w:tc>
          <w:tcPr>
            <w:tcW w:w="2379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 w:line="256" w:lineRule="auto"/>
              <w:ind w:right="797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Детская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организация,</w:t>
            </w:r>
          </w:p>
          <w:p w:rsidR="005374B6" w:rsidRPr="00384111" w:rsidRDefault="005374B6" w:rsidP="005374B6">
            <w:pPr>
              <w:spacing w:line="275" w:lineRule="exact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Ученический</w:t>
            </w:r>
            <w:r w:rsidRPr="00384111">
              <w:rPr>
                <w:rFonts w:ascii="Times New Roman" w:eastAsia="Times New Roman" w:hAnsi="Times New Roman"/>
                <w:b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Совет</w:t>
            </w:r>
          </w:p>
        </w:tc>
        <w:tc>
          <w:tcPr>
            <w:tcW w:w="63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-1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ждународный</w:t>
            </w:r>
            <w:r w:rsidRPr="00384111">
              <w:rPr>
                <w:rFonts w:ascii="Times New Roman" w:eastAsia="Times New Roman" w:hAnsi="Times New Roman"/>
                <w:spacing w:val="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спространения</w:t>
            </w:r>
            <w:r w:rsidRPr="00384111">
              <w:rPr>
                <w:rFonts w:ascii="Times New Roman" w:eastAsia="Times New Roman" w:hAnsi="Times New Roman"/>
                <w:spacing w:val="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рамотности.</w:t>
            </w:r>
            <w:r w:rsidRPr="00384111">
              <w:rPr>
                <w:rFonts w:ascii="Times New Roman" w:eastAsia="Times New Roman" w:hAnsi="Times New Roman"/>
                <w:spacing w:val="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гра</w:t>
            </w:r>
            <w:r w:rsidRPr="00384111">
              <w:rPr>
                <w:rFonts w:ascii="Times New Roman" w:eastAsia="Times New Roman" w:hAnsi="Times New Roman"/>
                <w:spacing w:val="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вест</w:t>
            </w:r>
            <w:r w:rsidRPr="00384111">
              <w:rPr>
                <w:rFonts w:ascii="Times New Roman" w:eastAsia="Times New Roman" w:hAnsi="Times New Roman"/>
                <w:spacing w:val="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От</w:t>
            </w:r>
            <w:r w:rsidRPr="00384111">
              <w:rPr>
                <w:rFonts w:ascii="Times New Roman" w:eastAsia="Times New Roman" w:hAnsi="Times New Roman"/>
                <w:spacing w:val="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Аз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</w:t>
            </w:r>
            <w:r w:rsidRPr="00384111">
              <w:rPr>
                <w:rFonts w:ascii="Times New Roman" w:eastAsia="Times New Roman" w:hAnsi="Times New Roman"/>
                <w:spacing w:val="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Буки»»</w:t>
            </w:r>
          </w:p>
        </w:tc>
        <w:tc>
          <w:tcPr>
            <w:tcW w:w="9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303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8.09.2022</w:t>
            </w:r>
          </w:p>
        </w:tc>
        <w:tc>
          <w:tcPr>
            <w:tcW w:w="280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сског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яз.</w:t>
            </w:r>
          </w:p>
        </w:tc>
      </w:tr>
      <w:tr w:rsidR="005374B6" w:rsidRPr="00384111" w:rsidTr="005374B6">
        <w:trPr>
          <w:trHeight w:val="1029"/>
        </w:trPr>
        <w:tc>
          <w:tcPr>
            <w:tcW w:w="2379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Предметны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области</w:t>
            </w:r>
          </w:p>
        </w:tc>
        <w:tc>
          <w:tcPr>
            <w:tcW w:w="63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Дни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финансово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грамотности</w:t>
            </w:r>
          </w:p>
        </w:tc>
        <w:tc>
          <w:tcPr>
            <w:tcW w:w="9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303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spacing w:before="2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С 01.09. по</w:t>
            </w:r>
          </w:p>
          <w:p w:rsidR="005374B6" w:rsidRPr="00384111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5.09.2022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г.</w:t>
            </w:r>
          </w:p>
        </w:tc>
        <w:tc>
          <w:tcPr>
            <w:tcW w:w="280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</w:tcPr>
          <w:p w:rsidR="005374B6" w:rsidRPr="00384111" w:rsidRDefault="005374B6" w:rsidP="005374B6">
            <w:pPr>
              <w:spacing w:before="221" w:line="256" w:lineRule="auto"/>
              <w:ind w:right="924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ь общест.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л.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.</w:t>
            </w:r>
          </w:p>
        </w:tc>
      </w:tr>
      <w:tr w:rsidR="005374B6" w:rsidRPr="00384111" w:rsidTr="005374B6">
        <w:trPr>
          <w:trHeight w:val="1033"/>
        </w:trPr>
        <w:tc>
          <w:tcPr>
            <w:tcW w:w="14851" w:type="dxa"/>
            <w:gridSpan w:val="7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  <w:hideMark/>
          </w:tcPr>
          <w:p w:rsidR="005374B6" w:rsidRPr="00384111" w:rsidRDefault="005374B6" w:rsidP="005374B6">
            <w:pPr>
              <w:spacing w:before="224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ОКТЯБРЬ</w:t>
            </w:r>
          </w:p>
          <w:p w:rsidR="005374B6" w:rsidRPr="00384111" w:rsidRDefault="005374B6" w:rsidP="005374B6">
            <w:pPr>
              <w:spacing w:before="22"/>
              <w:ind w:right="5539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есяца: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«С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заботой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о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близких»</w:t>
            </w:r>
          </w:p>
        </w:tc>
      </w:tr>
      <w:tr w:rsidR="005374B6" w:rsidRPr="00384111" w:rsidTr="005374B6">
        <w:trPr>
          <w:trHeight w:val="1509"/>
        </w:trPr>
        <w:tc>
          <w:tcPr>
            <w:tcW w:w="14851" w:type="dxa"/>
            <w:gridSpan w:val="7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  <w:hideMark/>
          </w:tcPr>
          <w:p w:rsidR="005374B6" w:rsidRPr="00384111" w:rsidRDefault="005374B6" w:rsidP="005374B6">
            <w:pPr>
              <w:spacing w:before="14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Календарь</w:t>
            </w:r>
            <w:r w:rsidRPr="00384111">
              <w:rPr>
                <w:rFonts w:ascii="Times New Roman" w:eastAsia="Times New Roman" w:hAnsi="Times New Roman"/>
                <w:b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ат:</w:t>
            </w:r>
          </w:p>
          <w:p w:rsidR="005374B6" w:rsidRPr="00384111" w:rsidRDefault="005374B6" w:rsidP="005374B6">
            <w:pPr>
              <w:spacing w:before="1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ктябр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жилог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еловека</w:t>
            </w:r>
          </w:p>
          <w:p w:rsidR="005374B6" w:rsidRPr="00384111" w:rsidRDefault="005374B6" w:rsidP="005374B6">
            <w:pPr>
              <w:numPr>
                <w:ilvl w:val="0"/>
                <w:numId w:val="30"/>
              </w:numPr>
              <w:tabs>
                <w:tab w:val="left" w:pos="276"/>
              </w:tabs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октября-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ГО</w:t>
            </w:r>
          </w:p>
          <w:p w:rsidR="005374B6" w:rsidRPr="00384111" w:rsidRDefault="005374B6" w:rsidP="005374B6">
            <w:pPr>
              <w:numPr>
                <w:ilvl w:val="0"/>
                <w:numId w:val="30"/>
              </w:numPr>
              <w:tabs>
                <w:tab w:val="left" w:pos="276"/>
              </w:tabs>
              <w:spacing w:before="17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октябр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Учителя</w:t>
            </w:r>
          </w:p>
        </w:tc>
      </w:tr>
      <w:tr w:rsidR="005374B6" w:rsidRPr="00384111" w:rsidTr="005374B6">
        <w:trPr>
          <w:trHeight w:val="470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Традиции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школы</w:t>
            </w:r>
          </w:p>
        </w:tc>
        <w:tc>
          <w:tcPr>
            <w:tcW w:w="6519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онцерт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ню учителя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.</w:t>
            </w:r>
          </w:p>
          <w:p w:rsidR="005374B6" w:rsidRPr="004F30BF" w:rsidRDefault="005374B6" w:rsidP="005374B6">
            <w:pPr>
              <w:spacing w:before="6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4F30BF">
              <w:rPr>
                <w:rFonts w:ascii="Times New Roman" w:eastAsia="Times New Roman" w:hAnsi="Times New Roman"/>
                <w:b/>
                <w:sz w:val="24"/>
                <w:lang w:val="ru-RU"/>
              </w:rPr>
              <w:t>Декада Коста( по спец.плану школы)</w:t>
            </w:r>
          </w:p>
        </w:tc>
        <w:tc>
          <w:tcPr>
            <w:tcW w:w="1134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A615FF" w:rsidRDefault="005374B6" w:rsidP="005374B6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6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05.10.2022</w:t>
            </w:r>
          </w:p>
          <w:p w:rsidR="005374B6" w:rsidRPr="00A615FF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>09.10.-15.10.2022</w:t>
            </w:r>
          </w:p>
        </w:tc>
        <w:tc>
          <w:tcPr>
            <w:tcW w:w="280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</w:rPr>
            </w:pPr>
          </w:p>
        </w:tc>
      </w:tr>
    </w:tbl>
    <w:p w:rsidR="002A244B" w:rsidRDefault="002A244B" w:rsidP="002A244B">
      <w:pPr>
        <w:spacing w:after="0" w:line="256" w:lineRule="auto"/>
        <w:rPr>
          <w:rFonts w:ascii="Times New Roman" w:eastAsia="Times New Roman" w:hAnsi="Times New Roman" w:cs="Times New Roman"/>
          <w:sz w:val="24"/>
        </w:rPr>
      </w:pPr>
    </w:p>
    <w:p w:rsidR="002A244B" w:rsidRDefault="002A244B" w:rsidP="002A244B">
      <w:pPr>
        <w:spacing w:after="0" w:line="256" w:lineRule="auto"/>
        <w:rPr>
          <w:rFonts w:ascii="Times New Roman" w:eastAsia="Times New Roman" w:hAnsi="Times New Roman" w:cs="Times New Roman"/>
          <w:sz w:val="24"/>
        </w:rPr>
      </w:pPr>
    </w:p>
    <w:p w:rsidR="002A244B" w:rsidRDefault="002A244B" w:rsidP="002A244B">
      <w:pPr>
        <w:spacing w:after="0" w:line="256" w:lineRule="auto"/>
        <w:rPr>
          <w:rFonts w:ascii="Times New Roman" w:eastAsia="Times New Roman" w:hAnsi="Times New Roman" w:cs="Times New Roman"/>
          <w:sz w:val="24"/>
        </w:rPr>
      </w:pPr>
    </w:p>
    <w:tbl>
      <w:tblPr>
        <w:tblStyle w:val="TableNormal"/>
        <w:tblpPr w:leftFromText="180" w:rightFromText="180" w:vertAnchor="text" w:horzAnchor="margin" w:tblpY="100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235"/>
        <w:gridCol w:w="6520"/>
        <w:gridCol w:w="1136"/>
        <w:gridCol w:w="2164"/>
        <w:gridCol w:w="2803"/>
      </w:tblGrid>
      <w:tr w:rsidR="005374B6" w:rsidRPr="00384111" w:rsidTr="005374B6">
        <w:trPr>
          <w:trHeight w:val="1286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11" w:line="256" w:lineRule="auto"/>
              <w:ind w:right="79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11" w:line="256" w:lineRule="auto"/>
              <w:ind w:right="79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абота с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родителями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0A6509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Родительское</w:t>
            </w:r>
            <w:r w:rsidRPr="000A6509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просвещение:</w:t>
            </w:r>
          </w:p>
          <w:p w:rsidR="005374B6" w:rsidRPr="000A6509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1,5</w:t>
            </w:r>
            <w:r w:rsidRPr="000A6509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классы-</w:t>
            </w:r>
            <w:r w:rsidRPr="000A6509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психологические</w:t>
            </w:r>
            <w:r w:rsidRPr="000A6509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основы</w:t>
            </w:r>
            <w:r w:rsidRPr="000A6509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обучения</w:t>
            </w:r>
          </w:p>
          <w:p w:rsidR="005374B6" w:rsidRPr="00384111" w:rsidRDefault="005374B6" w:rsidP="005374B6">
            <w:pPr>
              <w:spacing w:before="24" w:line="223" w:lineRule="auto"/>
              <w:ind w:right="65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6 - 7 классы – «</w:t>
            </w:r>
            <w:r w:rsidRPr="00384111">
              <w:rPr>
                <w:rFonts w:ascii="Times New Roman" w:eastAsia="Times New Roman" w:hAnsi="Times New Roman"/>
                <w:sz w:val="24"/>
                <w:shd w:val="clear" w:color="auto" w:fill="F3F8FD"/>
                <w:lang w:val="ru-RU"/>
              </w:rPr>
              <w:t xml:space="preserve">Основы семейного уклада.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ой ребенок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тановитс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рудным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Default="005374B6" w:rsidP="005374B6">
            <w:pPr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5374B6" w:rsidRPr="00384111" w:rsidRDefault="005374B6" w:rsidP="005374B6">
            <w:pPr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1,5</w:t>
            </w:r>
          </w:p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5374B6" w:rsidRPr="00384111" w:rsidRDefault="005374B6" w:rsidP="005374B6">
            <w:pPr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6-7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Default="005374B6" w:rsidP="005374B6">
            <w:pPr>
              <w:spacing w:before="3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3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Октябрь</w:t>
            </w:r>
          </w:p>
          <w:p w:rsidR="005374B6" w:rsidRPr="00384111" w:rsidRDefault="005374B6" w:rsidP="005374B6">
            <w:pPr>
              <w:spacing w:before="19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2.10.2022</w:t>
            </w:r>
          </w:p>
        </w:tc>
        <w:tc>
          <w:tcPr>
            <w:tcW w:w="28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  <w:p w:rsidR="005374B6" w:rsidRPr="00384111" w:rsidRDefault="005374B6" w:rsidP="005374B6">
            <w:pPr>
              <w:spacing w:before="18" w:line="223" w:lineRule="auto"/>
              <w:ind w:right="-24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 по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  <w:r w:rsidRPr="00384111">
              <w:rPr>
                <w:rFonts w:ascii="Times New Roman" w:eastAsia="Times New Roman" w:hAnsi="Times New Roman"/>
                <w:spacing w:val="5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д.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сихолог</w:t>
            </w:r>
          </w:p>
        </w:tc>
      </w:tr>
      <w:tr w:rsidR="005374B6" w:rsidRPr="00384111" w:rsidTr="005374B6">
        <w:trPr>
          <w:trHeight w:val="609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портивно-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оздоровительное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седани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портивного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уба.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тарт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школьно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партакиады.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5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2.10.2022</w:t>
            </w:r>
          </w:p>
        </w:tc>
        <w:tc>
          <w:tcPr>
            <w:tcW w:w="28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</w:tcPr>
          <w:p w:rsidR="005374B6" w:rsidRPr="00022A8E" w:rsidRDefault="005374B6" w:rsidP="005374B6">
            <w:pPr>
              <w:rPr>
                <w:rFonts w:ascii="Times New Roman" w:eastAsia="Times New Roman" w:hAnsi="Times New Roman"/>
                <w:lang w:val="ru-RU"/>
              </w:rPr>
            </w:pPr>
            <w:r>
              <w:rPr>
                <w:rFonts w:ascii="Times New Roman" w:eastAsia="Times New Roman" w:hAnsi="Times New Roman"/>
                <w:lang w:val="ru-RU"/>
              </w:rPr>
              <w:t>Учителя физкультуры.</w:t>
            </w:r>
          </w:p>
        </w:tc>
      </w:tr>
      <w:tr w:rsidR="005374B6" w:rsidRPr="00384111" w:rsidTr="005374B6">
        <w:trPr>
          <w:trHeight w:val="1051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амоуправление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ind w:right="369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рганизационная</w:t>
            </w:r>
            <w:r w:rsidRPr="00384111">
              <w:rPr>
                <w:rFonts w:ascii="Times New Roman" w:eastAsia="Times New Roman" w:hAnsi="Times New Roman"/>
                <w:spacing w:val="-1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инейк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ителя</w:t>
            </w:r>
          </w:p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кция «С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нем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бр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 уважения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5374B6" w:rsidRPr="00384111" w:rsidRDefault="005374B6" w:rsidP="005374B6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1.11.2022</w:t>
            </w:r>
          </w:p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5374B6" w:rsidRPr="00384111" w:rsidRDefault="005374B6" w:rsidP="005374B6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5.10.2022</w:t>
            </w:r>
          </w:p>
        </w:tc>
        <w:tc>
          <w:tcPr>
            <w:tcW w:w="28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</w:tcPr>
          <w:p w:rsidR="005374B6" w:rsidRPr="00384111" w:rsidRDefault="005374B6" w:rsidP="005374B6">
            <w:pPr>
              <w:spacing w:line="256" w:lineRule="auto"/>
              <w:ind w:right="18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.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Директора по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 ВР</w:t>
            </w:r>
          </w:p>
          <w:p w:rsidR="005374B6" w:rsidRPr="00384111" w:rsidRDefault="005374B6" w:rsidP="005374B6">
            <w:pPr>
              <w:spacing w:line="276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ет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школы</w:t>
            </w:r>
          </w:p>
        </w:tc>
      </w:tr>
      <w:tr w:rsidR="005374B6" w:rsidRPr="00384111" w:rsidTr="005374B6">
        <w:trPr>
          <w:trHeight w:val="906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Экологическое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68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курс поделок «Осенние фантазии» из природного и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росовог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атериала</w:t>
            </w:r>
          </w:p>
          <w:p w:rsidR="005374B6" w:rsidRPr="00384111" w:rsidRDefault="005374B6" w:rsidP="005374B6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кци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лагоустройству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Сделаем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ш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ород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ище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5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8.10.2022</w:t>
            </w:r>
          </w:p>
        </w:tc>
        <w:tc>
          <w:tcPr>
            <w:tcW w:w="28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5374B6" w:rsidRPr="00384111" w:rsidTr="005374B6">
        <w:trPr>
          <w:trHeight w:val="609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Интеллектуальное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сероссийски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рок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опасности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школьников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ти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Интернет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6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8.10.2022</w:t>
            </w:r>
          </w:p>
        </w:tc>
        <w:tc>
          <w:tcPr>
            <w:tcW w:w="28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ь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информатики</w:t>
            </w:r>
          </w:p>
        </w:tc>
      </w:tr>
      <w:tr w:rsidR="005374B6" w:rsidRPr="00384111" w:rsidTr="005374B6">
        <w:trPr>
          <w:trHeight w:val="1204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 w:line="254" w:lineRule="auto"/>
              <w:ind w:right="210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истема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ополнительного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образования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бот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ружков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кци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списанию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Октябр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2022</w:t>
            </w:r>
          </w:p>
        </w:tc>
        <w:tc>
          <w:tcPr>
            <w:tcW w:w="28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ружковых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ъединений,</w:t>
            </w:r>
          </w:p>
          <w:p w:rsidR="005374B6" w:rsidRPr="00384111" w:rsidRDefault="005374B6" w:rsidP="005374B6">
            <w:pPr>
              <w:spacing w:before="10" w:line="290" w:lineRule="atLeast"/>
              <w:ind w:right="125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дагоги доп.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разования</w:t>
            </w:r>
          </w:p>
        </w:tc>
      </w:tr>
      <w:tr w:rsidR="005374B6" w:rsidRPr="00384111" w:rsidTr="005374B6">
        <w:trPr>
          <w:trHeight w:val="470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Профилактика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онкурс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исунков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«Безопасно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вижение»,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7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8.10-11.10</w:t>
            </w:r>
          </w:p>
        </w:tc>
        <w:tc>
          <w:tcPr>
            <w:tcW w:w="28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12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ИЗО</w:t>
            </w:r>
          </w:p>
        </w:tc>
      </w:tr>
    </w:tbl>
    <w:p w:rsidR="002A244B" w:rsidRDefault="002A244B" w:rsidP="002A244B">
      <w:pPr>
        <w:spacing w:after="0" w:line="256" w:lineRule="auto"/>
        <w:rPr>
          <w:rFonts w:ascii="Times New Roman" w:eastAsia="Times New Roman" w:hAnsi="Times New Roman" w:cs="Times New Roman"/>
          <w:sz w:val="24"/>
        </w:rPr>
      </w:pPr>
    </w:p>
    <w:tbl>
      <w:tblPr>
        <w:tblStyle w:val="TableNormal"/>
        <w:tblpPr w:leftFromText="180" w:rightFromText="180" w:vertAnchor="text" w:horzAnchor="margin" w:tblpY="-74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235"/>
        <w:gridCol w:w="6536"/>
        <w:gridCol w:w="1130"/>
        <w:gridCol w:w="2155"/>
        <w:gridCol w:w="2790"/>
      </w:tblGrid>
      <w:tr w:rsidR="005374B6" w:rsidRPr="00384111" w:rsidTr="005374B6">
        <w:trPr>
          <w:trHeight w:val="614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lastRenderedPageBreak/>
              <w:t>ДДТТ</w:t>
            </w:r>
          </w:p>
        </w:tc>
        <w:tc>
          <w:tcPr>
            <w:tcW w:w="65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асти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терактивных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роприятиях по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ме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дготовка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курсу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Безопасно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лесо»</w:t>
            </w:r>
          </w:p>
        </w:tc>
        <w:tc>
          <w:tcPr>
            <w:tcW w:w="113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5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940628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5374B6" w:rsidRPr="00384111" w:rsidTr="005374B6">
        <w:trPr>
          <w:trHeight w:val="1149"/>
        </w:trPr>
        <w:tc>
          <w:tcPr>
            <w:tcW w:w="22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 w:line="230" w:lineRule="auto"/>
              <w:ind w:right="4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ессионально-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трудовое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и</w:t>
            </w:r>
          </w:p>
          <w:p w:rsidR="005374B6" w:rsidRPr="00384111" w:rsidRDefault="005374B6" w:rsidP="005374B6">
            <w:pPr>
              <w:spacing w:line="274" w:lineRule="exact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экономическое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воспитание</w:t>
            </w:r>
          </w:p>
        </w:tc>
        <w:tc>
          <w:tcPr>
            <w:tcW w:w="65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Дежурств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лассу</w:t>
            </w:r>
          </w:p>
        </w:tc>
        <w:tc>
          <w:tcPr>
            <w:tcW w:w="113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5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940628" w:rsidRDefault="005374B6" w:rsidP="005374B6">
            <w:pPr>
              <w:spacing w:before="9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Классные руководители</w:t>
            </w:r>
          </w:p>
        </w:tc>
      </w:tr>
    </w:tbl>
    <w:p w:rsidR="002A244B" w:rsidRDefault="002A244B" w:rsidP="002A244B">
      <w:pPr>
        <w:spacing w:after="0" w:line="256" w:lineRule="auto"/>
        <w:rPr>
          <w:rFonts w:ascii="Times New Roman" w:eastAsia="Times New Roman" w:hAnsi="Times New Roman" w:cs="Times New Roman"/>
          <w:sz w:val="24"/>
        </w:rPr>
      </w:pPr>
    </w:p>
    <w:tbl>
      <w:tblPr>
        <w:tblStyle w:val="TableNormal"/>
        <w:tblpPr w:leftFromText="180" w:rightFromText="180" w:vertAnchor="text" w:horzAnchor="margin" w:tblpY="9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418"/>
        <w:gridCol w:w="18"/>
        <w:gridCol w:w="6336"/>
        <w:gridCol w:w="1131"/>
        <w:gridCol w:w="2156"/>
        <w:gridCol w:w="2791"/>
      </w:tblGrid>
      <w:tr w:rsidR="005374B6" w:rsidRPr="00384111" w:rsidTr="005374B6">
        <w:trPr>
          <w:trHeight w:val="1100"/>
        </w:trPr>
        <w:tc>
          <w:tcPr>
            <w:tcW w:w="2436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8" w:line="230" w:lineRule="auto"/>
              <w:ind w:right="4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5374B6" w:rsidRPr="00022A8E" w:rsidRDefault="005374B6" w:rsidP="005374B6">
            <w:pPr>
              <w:spacing w:before="8" w:line="230" w:lineRule="auto"/>
              <w:ind w:right="4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илактика правонарушений и безнадзорности</w:t>
            </w:r>
          </w:p>
        </w:tc>
        <w:tc>
          <w:tcPr>
            <w:tcW w:w="633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 w:line="256" w:lineRule="auto"/>
              <w:ind w:right="107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 w:line="256" w:lineRule="auto"/>
              <w:ind w:right="107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блюдение за детьми группы риска (Диагностика)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ещ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мей СОП</w:t>
            </w:r>
          </w:p>
          <w:p w:rsidR="005374B6" w:rsidRPr="00B4462D" w:rsidRDefault="005374B6" w:rsidP="005374B6">
            <w:pPr>
              <w:spacing w:before="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B4462D">
              <w:rPr>
                <w:rFonts w:ascii="Times New Roman" w:eastAsia="Times New Roman" w:hAnsi="Times New Roman"/>
                <w:sz w:val="24"/>
                <w:lang w:val="ru-RU"/>
              </w:rPr>
              <w:t>Заседание</w:t>
            </w:r>
            <w:r w:rsidRPr="00B4462D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B4462D">
              <w:rPr>
                <w:rFonts w:ascii="Times New Roman" w:eastAsia="Times New Roman" w:hAnsi="Times New Roman"/>
                <w:sz w:val="24"/>
                <w:lang w:val="ru-RU"/>
              </w:rPr>
              <w:t>Совета</w:t>
            </w:r>
            <w:r w:rsidRPr="00B4462D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B4462D">
              <w:rPr>
                <w:rFonts w:ascii="Times New Roman" w:eastAsia="Times New Roman" w:hAnsi="Times New Roman"/>
                <w:sz w:val="24"/>
                <w:lang w:val="ru-RU"/>
              </w:rPr>
              <w:t>профилактики</w:t>
            </w:r>
          </w:p>
        </w:tc>
        <w:tc>
          <w:tcPr>
            <w:tcW w:w="1131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5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 w:line="444" w:lineRule="auto"/>
              <w:ind w:right="243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 w:line="444" w:lineRule="auto"/>
              <w:ind w:right="243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30.10.2022</w:t>
            </w:r>
          </w:p>
        </w:tc>
        <w:tc>
          <w:tcPr>
            <w:tcW w:w="2791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 w:line="256" w:lineRule="auto"/>
              <w:ind w:right="280"/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</w:pPr>
            <w:r w:rsidRPr="00022A8E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</w:p>
          <w:p w:rsidR="005374B6" w:rsidRPr="00384111" w:rsidRDefault="005374B6" w:rsidP="005374B6">
            <w:pPr>
              <w:spacing w:before="6" w:line="256" w:lineRule="auto"/>
              <w:ind w:right="28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  <w:p w:rsidR="005374B6" w:rsidRPr="00022A8E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  <w:r w:rsidRPr="00022A8E">
              <w:rPr>
                <w:rFonts w:ascii="Times New Roman" w:eastAsia="Times New Roman" w:hAnsi="Times New Roman"/>
                <w:sz w:val="24"/>
                <w:lang w:val="ru-RU"/>
              </w:rPr>
              <w:t xml:space="preserve"> педагог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-психолог.</w:t>
            </w:r>
          </w:p>
        </w:tc>
      </w:tr>
      <w:tr w:rsidR="005374B6" w:rsidRPr="00384111" w:rsidTr="005374B6">
        <w:trPr>
          <w:trHeight w:val="909"/>
        </w:trPr>
        <w:tc>
          <w:tcPr>
            <w:tcW w:w="2436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 w:line="256" w:lineRule="auto"/>
              <w:ind w:right="726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Предметные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области</w:t>
            </w:r>
          </w:p>
        </w:tc>
        <w:tc>
          <w:tcPr>
            <w:tcW w:w="633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7" w:line="223" w:lineRule="auto"/>
              <w:ind w:right="74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сероссийски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рок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Экологи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энергосбережение»</w:t>
            </w:r>
            <w:r w:rsidRPr="00384111">
              <w:rPr>
                <w:rFonts w:ascii="Times New Roman" w:eastAsia="Times New Roman" w:hAnsi="Times New Roman"/>
                <w:spacing w:val="-1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мках Всероссийского фестиваля энергосбережения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#ВместеЯрче</w:t>
            </w:r>
          </w:p>
        </w:tc>
        <w:tc>
          <w:tcPr>
            <w:tcW w:w="1131" w:type="dxa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5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5.10.2022</w:t>
            </w:r>
          </w:p>
        </w:tc>
        <w:tc>
          <w:tcPr>
            <w:tcW w:w="2791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биологии</w:t>
            </w:r>
          </w:p>
        </w:tc>
      </w:tr>
      <w:tr w:rsidR="005374B6" w:rsidRPr="00384111" w:rsidTr="005374B6">
        <w:trPr>
          <w:trHeight w:val="431"/>
        </w:trPr>
        <w:tc>
          <w:tcPr>
            <w:tcW w:w="2436" w:type="dxa"/>
            <w:gridSpan w:val="2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633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44" w:line="267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тернета.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сероссийски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рок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опасности</w:t>
            </w:r>
          </w:p>
        </w:tc>
        <w:tc>
          <w:tcPr>
            <w:tcW w:w="1131" w:type="dxa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5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0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2.10.2022</w:t>
            </w:r>
          </w:p>
        </w:tc>
        <w:tc>
          <w:tcPr>
            <w:tcW w:w="2791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</w:rPr>
            </w:pPr>
          </w:p>
        </w:tc>
      </w:tr>
      <w:tr w:rsidR="005374B6" w:rsidRPr="00384111" w:rsidTr="005374B6">
        <w:trPr>
          <w:trHeight w:val="316"/>
        </w:trPr>
        <w:tc>
          <w:tcPr>
            <w:tcW w:w="2436" w:type="dxa"/>
            <w:gridSpan w:val="2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6336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школьнико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сет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Интернет</w:t>
            </w:r>
          </w:p>
        </w:tc>
        <w:tc>
          <w:tcPr>
            <w:tcW w:w="1131" w:type="dxa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156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791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384111" w:rsidRDefault="005374B6" w:rsidP="005374B6">
            <w:pPr>
              <w:rPr>
                <w:rFonts w:ascii="Times New Roman" w:eastAsia="Times New Roman" w:hAnsi="Times New Roman"/>
              </w:rPr>
            </w:pPr>
          </w:p>
        </w:tc>
      </w:tr>
      <w:tr w:rsidR="005374B6" w:rsidRPr="00384111" w:rsidTr="005374B6">
        <w:trPr>
          <w:trHeight w:val="789"/>
        </w:trPr>
        <w:tc>
          <w:tcPr>
            <w:tcW w:w="14850" w:type="dxa"/>
            <w:gridSpan w:val="6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НОЯБРЬ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есяца: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«За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здоровый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образ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жизни!»</w:t>
            </w:r>
          </w:p>
        </w:tc>
      </w:tr>
      <w:tr w:rsidR="005374B6" w:rsidRPr="00384111" w:rsidTr="005374B6">
        <w:trPr>
          <w:trHeight w:val="1339"/>
        </w:trPr>
        <w:tc>
          <w:tcPr>
            <w:tcW w:w="241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Календарь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ат</w:t>
            </w:r>
          </w:p>
        </w:tc>
        <w:tc>
          <w:tcPr>
            <w:tcW w:w="6354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 w:line="256" w:lineRule="auto"/>
              <w:ind w:right="2354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04 ноября – День народного единств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6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оябр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 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олерантности</w:t>
            </w:r>
          </w:p>
          <w:p w:rsidR="005374B6" w:rsidRPr="00384111" w:rsidRDefault="005374B6" w:rsidP="005374B6">
            <w:pPr>
              <w:spacing w:before="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3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ноябр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атери</w:t>
            </w:r>
          </w:p>
        </w:tc>
        <w:tc>
          <w:tcPr>
            <w:tcW w:w="113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5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 w:line="256" w:lineRule="auto"/>
              <w:ind w:right="18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 течение месяц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нтябрь-октябрь</w:t>
            </w:r>
          </w:p>
        </w:tc>
        <w:tc>
          <w:tcPr>
            <w:tcW w:w="279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 w:line="256" w:lineRule="auto"/>
              <w:ind w:right="28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  <w:p w:rsidR="005374B6" w:rsidRPr="00384111" w:rsidRDefault="005374B6" w:rsidP="005374B6">
            <w:pPr>
              <w:spacing w:before="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  <w:tr w:rsidR="005374B6" w:rsidRPr="00384111" w:rsidTr="005374B6">
        <w:trPr>
          <w:trHeight w:val="733"/>
        </w:trPr>
        <w:tc>
          <w:tcPr>
            <w:tcW w:w="241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Традиции</w:t>
            </w:r>
          </w:p>
        </w:tc>
        <w:tc>
          <w:tcPr>
            <w:tcW w:w="6354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Осетинские национальные праздники. </w:t>
            </w:r>
          </w:p>
          <w:p w:rsidR="005374B6" w:rsidRPr="0064014D" w:rsidRDefault="005374B6" w:rsidP="005374B6">
            <w:pPr>
              <w:spacing w:before="8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«</w:t>
            </w: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>Джеоргыуба»</w:t>
            </w:r>
          </w:p>
          <w:p w:rsidR="005374B6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A615FF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374B6" w:rsidRPr="00A615FF" w:rsidRDefault="005374B6" w:rsidP="005374B6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5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A615FF" w:rsidRDefault="005374B6" w:rsidP="005374B6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20.11.</w:t>
            </w:r>
            <w:r w:rsidRPr="00A615FF">
              <w:rPr>
                <w:rFonts w:ascii="Times New Roman" w:eastAsia="Times New Roman" w:hAnsi="Times New Roman"/>
                <w:sz w:val="24"/>
                <w:lang w:val="ru-RU"/>
              </w:rPr>
              <w:t>2022</w:t>
            </w:r>
          </w:p>
        </w:tc>
        <w:tc>
          <w:tcPr>
            <w:tcW w:w="279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280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Зам.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  <w:p w:rsidR="005374B6" w:rsidRPr="00384111" w:rsidRDefault="005374B6" w:rsidP="005374B6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  <w:tr w:rsidR="005374B6" w:rsidRPr="00384111" w:rsidTr="005374B6">
        <w:trPr>
          <w:trHeight w:val="1365"/>
        </w:trPr>
        <w:tc>
          <w:tcPr>
            <w:tcW w:w="241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A615FF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A615FF">
              <w:rPr>
                <w:rFonts w:ascii="Times New Roman" w:eastAsia="Times New Roman" w:hAnsi="Times New Roman"/>
                <w:b/>
                <w:sz w:val="24"/>
                <w:lang w:val="ru-RU"/>
              </w:rPr>
              <w:lastRenderedPageBreak/>
              <w:t>Гражданско-</w:t>
            </w: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>патриотическая</w:t>
            </w:r>
          </w:p>
        </w:tc>
        <w:tc>
          <w:tcPr>
            <w:tcW w:w="6354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матическа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иблиотечная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ставка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Росси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чера,</w:t>
            </w:r>
          </w:p>
          <w:p w:rsidR="005374B6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4F30BF">
              <w:rPr>
                <w:rFonts w:ascii="Times New Roman" w:eastAsia="Times New Roman" w:hAnsi="Times New Roman"/>
                <w:sz w:val="24"/>
                <w:lang w:val="ru-RU"/>
              </w:rPr>
              <w:t>Сегодня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»</w:t>
            </w:r>
            <w:r w:rsidRPr="004F30BF">
              <w:rPr>
                <w:rFonts w:ascii="Times New Roman" w:eastAsia="Times New Roman" w:hAnsi="Times New Roman"/>
                <w:sz w:val="24"/>
                <w:lang w:val="ru-RU"/>
              </w:rPr>
              <w:t>,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 Патриотическая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икторин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римером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ильным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рдцем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тважным»</w:t>
            </w:r>
          </w:p>
          <w:p w:rsidR="005374B6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Классные часы, посвященные Дню народного единства</w:t>
            </w:r>
          </w:p>
          <w:p w:rsidR="005374B6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4F30BF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4F30BF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4F30BF">
              <w:rPr>
                <w:rFonts w:ascii="Times New Roman" w:eastAsia="Times New Roman" w:hAnsi="Times New Roman"/>
                <w:sz w:val="24"/>
                <w:lang w:val="ru-RU"/>
              </w:rPr>
              <w:t>1-11</w:t>
            </w:r>
          </w:p>
        </w:tc>
        <w:tc>
          <w:tcPr>
            <w:tcW w:w="215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4F30BF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4F30BF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4F30BF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4F30BF">
              <w:rPr>
                <w:rFonts w:ascii="Times New Roman" w:eastAsia="Times New Roman" w:hAnsi="Times New Roman"/>
                <w:sz w:val="24"/>
                <w:lang w:val="ru-RU"/>
              </w:rPr>
              <w:t>течение</w:t>
            </w:r>
            <w:r w:rsidRPr="004F30BF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4F30BF">
              <w:rPr>
                <w:rFonts w:ascii="Times New Roman" w:eastAsia="Times New Roman" w:hAnsi="Times New Roman"/>
                <w:sz w:val="24"/>
                <w:lang w:val="ru-RU"/>
              </w:rPr>
              <w:t>месяца</w:t>
            </w:r>
          </w:p>
        </w:tc>
        <w:tc>
          <w:tcPr>
            <w:tcW w:w="279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4F30BF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4F30BF">
              <w:rPr>
                <w:rFonts w:ascii="Times New Roman" w:eastAsia="Times New Roman" w:hAnsi="Times New Roman"/>
                <w:sz w:val="24"/>
                <w:lang w:val="ru-RU"/>
              </w:rPr>
              <w:t>Зав.</w:t>
            </w:r>
            <w:r w:rsidRPr="004F30BF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4F30BF">
              <w:rPr>
                <w:rFonts w:ascii="Times New Roman" w:eastAsia="Times New Roman" w:hAnsi="Times New Roman"/>
                <w:sz w:val="24"/>
                <w:lang w:val="ru-RU"/>
              </w:rPr>
              <w:t>библиотекой,</w:t>
            </w:r>
          </w:p>
        </w:tc>
      </w:tr>
    </w:tbl>
    <w:p w:rsidR="002A244B" w:rsidRPr="00384111" w:rsidRDefault="002A244B" w:rsidP="002A244B">
      <w:pPr>
        <w:widowControl w:val="0"/>
        <w:autoSpaceDE w:val="0"/>
        <w:autoSpaceDN w:val="0"/>
        <w:spacing w:before="5" w:after="1" w:line="240" w:lineRule="auto"/>
        <w:rPr>
          <w:rFonts w:ascii="Times New Roman" w:eastAsia="Times New Roman" w:hAnsi="Times New Roman" w:cs="Times New Roman"/>
          <w:b/>
          <w:sz w:val="26"/>
          <w:szCs w:val="28"/>
        </w:rPr>
      </w:pPr>
    </w:p>
    <w:tbl>
      <w:tblPr>
        <w:tblStyle w:val="TableNormal"/>
        <w:tblpPr w:leftFromText="180" w:rightFromText="180" w:vertAnchor="text" w:horzAnchor="margin" w:tblpY="1221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379"/>
        <w:gridCol w:w="6376"/>
        <w:gridCol w:w="1136"/>
        <w:gridCol w:w="2164"/>
        <w:gridCol w:w="2797"/>
      </w:tblGrid>
      <w:tr w:rsidR="005374B6" w:rsidRPr="00384111" w:rsidTr="005374B6">
        <w:trPr>
          <w:trHeight w:val="1033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11" w:line="256" w:lineRule="auto"/>
              <w:ind w:right="754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11" w:line="256" w:lineRule="auto"/>
              <w:ind w:right="75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Духовн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нравственное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асы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Урок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олерантности»</w:t>
            </w:r>
          </w:p>
          <w:p w:rsidR="005374B6" w:rsidRDefault="005374B6" w:rsidP="005374B6">
            <w:pPr>
              <w:spacing w:before="21" w:line="256" w:lineRule="auto"/>
              <w:ind w:right="135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курс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исунков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Мир,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тором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ы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живем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кция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апле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бра»</w:t>
            </w:r>
          </w:p>
          <w:p w:rsidR="005374B6" w:rsidRPr="00384111" w:rsidRDefault="005374B6" w:rsidP="005374B6">
            <w:pPr>
              <w:spacing w:before="21" w:line="256" w:lineRule="auto"/>
              <w:ind w:right="1355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5374B6" w:rsidRPr="00384111" w:rsidRDefault="005374B6" w:rsidP="005374B6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5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6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К</w:t>
            </w:r>
            <w:r w:rsidRPr="00384111">
              <w:rPr>
                <w:rFonts w:ascii="Times New Roman" w:eastAsia="Times New Roman" w:hAnsi="Times New Roman"/>
                <w:sz w:val="24"/>
              </w:rPr>
              <w:t>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ели</w:t>
            </w:r>
            <w:r w:rsidRPr="00384111">
              <w:rPr>
                <w:rFonts w:ascii="Times New Roman" w:eastAsia="Times New Roman" w:hAnsi="Times New Roman"/>
                <w:sz w:val="24"/>
              </w:rPr>
              <w:t>.</w:t>
            </w:r>
          </w:p>
        </w:tc>
      </w:tr>
      <w:tr w:rsidR="005374B6" w:rsidRPr="00384111" w:rsidTr="005374B6">
        <w:trPr>
          <w:trHeight w:val="297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 w:line="264" w:lineRule="exact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амоуправление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Акция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Мы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доровы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раз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жизни!»</w:t>
            </w:r>
          </w:p>
          <w:p w:rsidR="005374B6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69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-4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69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1.11-15.11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8951B9" w:rsidRDefault="005374B6" w:rsidP="005374B6">
            <w:pPr>
              <w:spacing w:before="8" w:line="269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</w:rPr>
              <w:t>Кл.рук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оводители.</w:t>
            </w:r>
          </w:p>
        </w:tc>
      </w:tr>
      <w:tr w:rsidR="005374B6" w:rsidRPr="00384111" w:rsidTr="005374B6">
        <w:trPr>
          <w:trHeight w:val="1790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tabs>
                <w:tab w:val="left" w:pos="2269"/>
              </w:tabs>
              <w:spacing w:before="13"/>
              <w:ind w:right="-15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абота</w:t>
            </w: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 xml:space="preserve"> с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ab/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одителями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одительск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брания 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лану</w:t>
            </w:r>
          </w:p>
          <w:p w:rsidR="005374B6" w:rsidRPr="00384111" w:rsidRDefault="005374B6" w:rsidP="005374B6">
            <w:pPr>
              <w:spacing w:before="27" w:line="256" w:lineRule="auto"/>
              <w:ind w:right="892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открытых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верей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«Взаимодействие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семьи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школы»</w:t>
            </w:r>
          </w:p>
          <w:p w:rsidR="005374B6" w:rsidRPr="00384111" w:rsidRDefault="005374B6" w:rsidP="005374B6">
            <w:pPr>
              <w:spacing w:line="256" w:lineRule="auto"/>
              <w:ind w:right="104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цертная программа ко Дню матери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неклассны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роприяти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ам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местн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</w:t>
            </w:r>
          </w:p>
          <w:p w:rsidR="005374B6" w:rsidRDefault="005374B6" w:rsidP="005374B6">
            <w:pPr>
              <w:spacing w:line="272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Родителями</w:t>
            </w:r>
          </w:p>
          <w:p w:rsidR="005374B6" w:rsidRPr="00073543" w:rsidRDefault="005374B6" w:rsidP="005374B6">
            <w:pPr>
              <w:spacing w:line="272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25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сяц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5.11.2022</w:t>
            </w:r>
          </w:p>
          <w:p w:rsidR="005374B6" w:rsidRPr="00384111" w:rsidRDefault="005374B6" w:rsidP="005374B6">
            <w:pPr>
              <w:spacing w:before="21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29.11.2022</w:t>
            </w:r>
          </w:p>
          <w:p w:rsidR="005374B6" w:rsidRPr="00384111" w:rsidRDefault="005374B6" w:rsidP="005374B6">
            <w:pPr>
              <w:spacing w:before="22" w:line="256" w:lineRule="auto"/>
              <w:ind w:right="25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сяц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9 .11.2022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28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. классные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  <w:r w:rsidRPr="00A615FF">
              <w:rPr>
                <w:rFonts w:ascii="Times New Roman" w:eastAsia="Times New Roman" w:hAnsi="Times New Roman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педагог-</w:t>
            </w:r>
            <w:r w:rsidRPr="00A615FF">
              <w:rPr>
                <w:rFonts w:ascii="Times New Roman" w:eastAsia="Times New Roman" w:hAnsi="Times New Roman"/>
                <w:sz w:val="24"/>
                <w:lang w:val="ru-RU"/>
              </w:rPr>
              <w:t>психолог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.</w:t>
            </w:r>
          </w:p>
        </w:tc>
      </w:tr>
      <w:tr w:rsidR="005374B6" w:rsidRPr="00384111" w:rsidTr="005374B6">
        <w:trPr>
          <w:trHeight w:val="609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портивно-</w:t>
            </w:r>
          </w:p>
          <w:p w:rsidR="005374B6" w:rsidRPr="00384111" w:rsidRDefault="005374B6" w:rsidP="005374B6">
            <w:pPr>
              <w:spacing w:before="2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оздоровительное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Ударом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яч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едным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ивычкам»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-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портивны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гры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7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2.11.2022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физкультуры</w:t>
            </w:r>
          </w:p>
        </w:tc>
      </w:tr>
      <w:tr w:rsidR="005374B6" w:rsidRPr="00384111" w:rsidTr="005374B6">
        <w:trPr>
          <w:trHeight w:val="606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Экологическое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перация «Кормушка»</w:t>
            </w:r>
            <w:r w:rsidRPr="00384111">
              <w:rPr>
                <w:rFonts w:ascii="Times New Roman" w:eastAsia="Times New Roman" w:hAnsi="Times New Roman"/>
                <w:spacing w:val="-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л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окормит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тиц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имой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5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Ноябрь-апрель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5374B6" w:rsidRPr="00384111" w:rsidTr="005374B6">
        <w:trPr>
          <w:trHeight w:val="849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 w:line="232" w:lineRule="auto"/>
              <w:ind w:right="35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истема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ополнительного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образования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бот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ружков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кци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списанию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графику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ружков</w:t>
            </w:r>
          </w:p>
        </w:tc>
      </w:tr>
      <w:tr w:rsidR="005374B6" w:rsidRPr="00384111" w:rsidTr="005374B6">
        <w:trPr>
          <w:trHeight w:val="1036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3" w:line="256" w:lineRule="auto"/>
              <w:ind w:right="587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lastRenderedPageBreak/>
              <w:t>Профилактика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ДТТ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 w:line="256" w:lineRule="auto"/>
              <w:ind w:right="1397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8 ноября – День памяти жертв ДТП – линейк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кция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усть дорог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удет безопасной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5.11.2022</w:t>
            </w:r>
          </w:p>
          <w:p w:rsidR="005374B6" w:rsidRPr="00384111" w:rsidRDefault="005374B6" w:rsidP="005374B6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8 ноября 2022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A615FF" w:rsidRDefault="005374B6" w:rsidP="005374B6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Кл.руководители</w:t>
            </w:r>
          </w:p>
        </w:tc>
      </w:tr>
      <w:tr w:rsidR="005374B6" w:rsidRPr="00384111" w:rsidTr="005374B6">
        <w:trPr>
          <w:trHeight w:val="1204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11" w:line="256" w:lineRule="auto"/>
              <w:ind w:right="196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ессионально-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трудовое и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экономическое</w:t>
            </w:r>
          </w:p>
          <w:p w:rsidR="005374B6" w:rsidRPr="00384111" w:rsidRDefault="005374B6" w:rsidP="005374B6">
            <w:pPr>
              <w:spacing w:before="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воспитание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Дежурств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лассам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7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</w:tbl>
    <w:tbl>
      <w:tblPr>
        <w:tblStyle w:val="TableNormal"/>
        <w:tblpPr w:leftFromText="180" w:rightFromText="180" w:vertAnchor="text" w:horzAnchor="margin" w:tblpY="2894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578"/>
        <w:gridCol w:w="6177"/>
        <w:gridCol w:w="1136"/>
        <w:gridCol w:w="2164"/>
        <w:gridCol w:w="2797"/>
      </w:tblGrid>
      <w:tr w:rsidR="005374B6" w:rsidRPr="00384111" w:rsidTr="005374B6">
        <w:trPr>
          <w:trHeight w:val="2395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11" w:line="256" w:lineRule="auto"/>
              <w:ind w:right="316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11" w:line="256" w:lineRule="auto"/>
              <w:ind w:right="316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Формировани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жизнестойкости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чащихся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(профилактика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безнадзорности и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>правонарушений,</w:t>
            </w:r>
          </w:p>
          <w:p w:rsidR="005374B6" w:rsidRPr="00B4462D" w:rsidRDefault="005374B6" w:rsidP="005374B6">
            <w:pPr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B4462D">
              <w:rPr>
                <w:rFonts w:ascii="Times New Roman" w:eastAsia="Times New Roman" w:hAnsi="Times New Roman"/>
                <w:b/>
                <w:sz w:val="24"/>
                <w:lang w:val="ru-RU"/>
              </w:rPr>
              <w:t>социально-опасных</w:t>
            </w:r>
          </w:p>
          <w:p w:rsidR="005374B6" w:rsidRPr="00B4462D" w:rsidRDefault="005374B6" w:rsidP="005374B6">
            <w:pPr>
              <w:spacing w:before="2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B4462D">
              <w:rPr>
                <w:rFonts w:ascii="Times New Roman" w:eastAsia="Times New Roman" w:hAnsi="Times New Roman"/>
                <w:b/>
                <w:sz w:val="24"/>
                <w:lang w:val="ru-RU"/>
              </w:rPr>
              <w:t>явлений)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2" w:line="223" w:lineRule="auto"/>
              <w:ind w:right="195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2" w:line="223" w:lineRule="auto"/>
              <w:ind w:right="19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)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щешкольно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роприятие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Выбира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доровы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раз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жизни!»</w:t>
            </w:r>
            <w:r w:rsidRPr="00384111">
              <w:rPr>
                <w:rFonts w:ascii="Times New Roman" w:eastAsia="Times New Roman" w:hAnsi="Times New Roman"/>
                <w:spacing w:val="-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(конкурс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гитбригад,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гитплакатов,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исунков)</w:t>
            </w:r>
          </w:p>
          <w:p w:rsidR="005374B6" w:rsidRPr="00384111" w:rsidRDefault="005374B6" w:rsidP="005374B6">
            <w:pPr>
              <w:spacing w:before="6" w:line="256" w:lineRule="auto"/>
              <w:ind w:right="203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) Тематические кл. часы «Мы за ЗОЖ!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)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кция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Меняю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игарету</w:t>
            </w:r>
            <w:r w:rsidRPr="00384111">
              <w:rPr>
                <w:rFonts w:ascii="Times New Roman" w:eastAsia="Times New Roman" w:hAnsi="Times New Roman"/>
                <w:spacing w:val="-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фету»</w:t>
            </w:r>
          </w:p>
          <w:p w:rsidR="005374B6" w:rsidRPr="00384111" w:rsidRDefault="005374B6" w:rsidP="005374B6">
            <w:pPr>
              <w:spacing w:line="223" w:lineRule="auto"/>
              <w:ind w:right="237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)Беседы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астием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спекторов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ДН,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ДН,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ИБДД</w:t>
            </w:r>
            <w:r w:rsidRPr="00384111">
              <w:rPr>
                <w:rFonts w:ascii="Times New Roman" w:eastAsia="Times New Roman" w:hAnsi="Times New Roman"/>
                <w:spacing w:val="5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(по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иглашению)</w:t>
            </w:r>
          </w:p>
          <w:p w:rsidR="005374B6" w:rsidRDefault="005374B6" w:rsidP="005374B6">
            <w:pPr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 учащимися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группы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иска»</w:t>
            </w:r>
          </w:p>
          <w:p w:rsidR="005374B6" w:rsidRPr="00384111" w:rsidRDefault="005374B6" w:rsidP="005374B6">
            <w:pPr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5374B6" w:rsidRPr="00384111" w:rsidRDefault="005374B6" w:rsidP="005374B6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5374B6" w:rsidRDefault="005374B6" w:rsidP="005374B6">
            <w:pPr>
              <w:spacing w:before="6" w:line="256" w:lineRule="auto"/>
              <w:ind w:right="23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</w:t>
            </w:r>
          </w:p>
          <w:p w:rsidR="005374B6" w:rsidRPr="00384111" w:rsidRDefault="005374B6" w:rsidP="005374B6">
            <w:pPr>
              <w:spacing w:before="6" w:line="256" w:lineRule="auto"/>
              <w:ind w:right="23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меститель дир .ВР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</w:tbl>
    <w:p w:rsidR="002A244B" w:rsidRPr="00384111" w:rsidRDefault="002A244B" w:rsidP="002A244B">
      <w:pPr>
        <w:widowControl w:val="0"/>
        <w:autoSpaceDE w:val="0"/>
        <w:autoSpaceDN w:val="0"/>
        <w:spacing w:before="5" w:after="1" w:line="240" w:lineRule="auto"/>
        <w:rPr>
          <w:rFonts w:ascii="Times New Roman" w:eastAsia="Times New Roman" w:hAnsi="Times New Roman" w:cs="Times New Roman"/>
          <w:b/>
          <w:sz w:val="26"/>
          <w:szCs w:val="28"/>
        </w:rPr>
      </w:pPr>
    </w:p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FF60E1">
          <w:pgSz w:w="16840" w:h="11910" w:orient="landscape"/>
          <w:pgMar w:top="560" w:right="760" w:bottom="1080" w:left="880" w:header="0" w:footer="896" w:gutter="0"/>
          <w:cols w:space="720"/>
        </w:sectPr>
      </w:pPr>
    </w:p>
    <w:p w:rsidR="002A244B" w:rsidRPr="00384111" w:rsidRDefault="002A244B" w:rsidP="002A244B">
      <w:pPr>
        <w:widowControl w:val="0"/>
        <w:autoSpaceDE w:val="0"/>
        <w:autoSpaceDN w:val="0"/>
        <w:spacing w:before="5" w:after="1" w:line="240" w:lineRule="auto"/>
        <w:rPr>
          <w:rFonts w:ascii="Times New Roman" w:eastAsia="Times New Roman" w:hAnsi="Times New Roman" w:cs="Times New Roman"/>
          <w:b/>
          <w:sz w:val="26"/>
          <w:szCs w:val="28"/>
        </w:rPr>
      </w:pPr>
    </w:p>
    <w:tbl>
      <w:tblPr>
        <w:tblStyle w:val="TableNormal"/>
        <w:tblW w:w="0" w:type="auto"/>
        <w:tblInd w:w="-137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576"/>
        <w:gridCol w:w="6520"/>
        <w:gridCol w:w="1047"/>
        <w:gridCol w:w="2046"/>
        <w:gridCol w:w="2662"/>
      </w:tblGrid>
      <w:tr w:rsidR="002A244B" w:rsidRPr="00384111" w:rsidTr="00FF60E1">
        <w:trPr>
          <w:trHeight w:val="777"/>
        </w:trPr>
        <w:tc>
          <w:tcPr>
            <w:tcW w:w="14851" w:type="dxa"/>
            <w:gridSpan w:val="5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3"/>
              <w:ind w:right="4916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КАБРЬ</w:t>
            </w:r>
          </w:p>
          <w:p w:rsidR="002A244B" w:rsidRPr="00384111" w:rsidRDefault="002A244B" w:rsidP="00FF60E1">
            <w:pPr>
              <w:spacing w:before="22"/>
              <w:ind w:right="4917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есяца: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«Новый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год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ворот!»</w:t>
            </w:r>
          </w:p>
        </w:tc>
      </w:tr>
      <w:tr w:rsidR="002A244B" w:rsidRPr="00384111" w:rsidTr="00FF60E1">
        <w:trPr>
          <w:trHeight w:val="2025"/>
        </w:trPr>
        <w:tc>
          <w:tcPr>
            <w:tcW w:w="25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Календарь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ат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line="256" w:lineRule="auto"/>
              <w:ind w:right="1168"/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 часы, беседы, внеклассные мероприятия: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</w:p>
          <w:p w:rsidR="002A244B" w:rsidRDefault="002A244B" w:rsidP="00FF60E1">
            <w:pPr>
              <w:spacing w:line="256" w:lineRule="auto"/>
              <w:ind w:right="1168"/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line="256" w:lineRule="auto"/>
              <w:ind w:right="1168"/>
              <w:jc w:val="both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кабр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семирны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орьбы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ПИДом</w:t>
            </w:r>
          </w:p>
          <w:p w:rsidR="002A244B" w:rsidRPr="00384111" w:rsidRDefault="002A244B" w:rsidP="00FF60E1">
            <w:pPr>
              <w:spacing w:line="228" w:lineRule="auto"/>
              <w:ind w:right="1192"/>
              <w:jc w:val="both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3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кабр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ждународны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валидов,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еизвестног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лдата</w:t>
            </w:r>
          </w:p>
          <w:p w:rsidR="002A244B" w:rsidRPr="00073543" w:rsidRDefault="002A244B" w:rsidP="007C65A1">
            <w:pPr>
              <w:numPr>
                <w:ilvl w:val="0"/>
                <w:numId w:val="31"/>
              </w:numPr>
              <w:tabs>
                <w:tab w:val="left" w:pos="386"/>
              </w:tabs>
              <w:jc w:val="both"/>
              <w:rPr>
                <w:rFonts w:ascii="Times New Roman" w:eastAsia="Times New Roman" w:hAnsi="Times New Roman"/>
                <w:sz w:val="24"/>
              </w:rPr>
            </w:pPr>
            <w:r w:rsidRPr="00073543">
              <w:rPr>
                <w:rFonts w:ascii="Times New Roman" w:eastAsia="Times New Roman" w:hAnsi="Times New Roman"/>
                <w:sz w:val="24"/>
              </w:rPr>
              <w:t>декабря</w:t>
            </w:r>
            <w:r w:rsidRPr="00073543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073543">
              <w:rPr>
                <w:rFonts w:ascii="Times New Roman" w:eastAsia="Times New Roman" w:hAnsi="Times New Roman"/>
                <w:sz w:val="24"/>
              </w:rPr>
              <w:t>–</w:t>
            </w:r>
            <w:r w:rsidRPr="00073543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073543">
              <w:rPr>
                <w:rFonts w:ascii="Times New Roman" w:eastAsia="Times New Roman" w:hAnsi="Times New Roman"/>
                <w:sz w:val="24"/>
              </w:rPr>
              <w:t>День</w:t>
            </w:r>
            <w:r w:rsidRPr="00073543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073543">
              <w:rPr>
                <w:rFonts w:ascii="Times New Roman" w:eastAsia="Times New Roman" w:hAnsi="Times New Roman"/>
                <w:sz w:val="24"/>
              </w:rPr>
              <w:t>героев</w:t>
            </w:r>
            <w:r w:rsidRPr="00073543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073543">
              <w:rPr>
                <w:rFonts w:ascii="Times New Roman" w:eastAsia="Times New Roman" w:hAnsi="Times New Roman"/>
                <w:sz w:val="24"/>
              </w:rPr>
              <w:t>Отечества</w:t>
            </w:r>
          </w:p>
          <w:p w:rsidR="002A244B" w:rsidRDefault="002A244B" w:rsidP="007C65A1">
            <w:pPr>
              <w:numPr>
                <w:ilvl w:val="0"/>
                <w:numId w:val="31"/>
              </w:numPr>
              <w:tabs>
                <w:tab w:val="left" w:pos="386"/>
              </w:tabs>
              <w:spacing w:before="7" w:line="290" w:lineRule="atLeast"/>
              <w:ind w:left="109" w:right="1374" w:firstLine="2"/>
              <w:jc w:val="both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кабря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ждународны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в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еловек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2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кабря –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 Конституции РФ</w:t>
            </w:r>
          </w:p>
          <w:p w:rsidR="002A244B" w:rsidRDefault="002A244B" w:rsidP="00FF60E1">
            <w:pPr>
              <w:tabs>
                <w:tab w:val="left" w:pos="386"/>
              </w:tabs>
              <w:spacing w:before="7" w:line="290" w:lineRule="atLeast"/>
              <w:ind w:right="1374"/>
              <w:jc w:val="both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tabs>
                <w:tab w:val="left" w:pos="386"/>
              </w:tabs>
              <w:spacing w:before="7" w:line="290" w:lineRule="atLeast"/>
              <w:ind w:right="1374"/>
              <w:jc w:val="both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04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04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1.12-16.12.22</w:t>
            </w:r>
          </w:p>
        </w:tc>
        <w:tc>
          <w:tcPr>
            <w:tcW w:w="266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520"/>
        </w:trPr>
        <w:tc>
          <w:tcPr>
            <w:tcW w:w="257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Интеллектуальное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50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сероссийская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кция «Час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да».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матически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рок</w:t>
            </w:r>
          </w:p>
          <w:p w:rsidR="002A244B" w:rsidRDefault="002A244B" w:rsidP="00FF60E1">
            <w:pPr>
              <w:spacing w:line="251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Информатики</w:t>
            </w:r>
          </w:p>
          <w:p w:rsidR="002A244B" w:rsidRDefault="002A244B" w:rsidP="00FF60E1">
            <w:pPr>
              <w:spacing w:line="251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073543" w:rsidRDefault="002A244B" w:rsidP="00FF60E1">
            <w:pPr>
              <w:spacing w:line="251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047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0-11</w:t>
            </w:r>
          </w:p>
        </w:tc>
        <w:tc>
          <w:tcPr>
            <w:tcW w:w="204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62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287"/>
        </w:trPr>
        <w:tc>
          <w:tcPr>
            <w:tcW w:w="257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0"/>
              </w:rPr>
            </w:pPr>
          </w:p>
        </w:tc>
        <w:tc>
          <w:tcPr>
            <w:tcW w:w="6520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line="267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рок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вово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рамотности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рава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еловека»</w:t>
            </w:r>
          </w:p>
          <w:p w:rsidR="002A244B" w:rsidRDefault="002A244B" w:rsidP="00FF60E1">
            <w:pPr>
              <w:spacing w:line="267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line="267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047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67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7-9</w:t>
            </w:r>
          </w:p>
        </w:tc>
        <w:tc>
          <w:tcPr>
            <w:tcW w:w="204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0"/>
              </w:rPr>
            </w:pPr>
          </w:p>
        </w:tc>
        <w:tc>
          <w:tcPr>
            <w:tcW w:w="2662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0A6509" w:rsidRDefault="002A244B" w:rsidP="00FF60E1">
            <w:pPr>
              <w:spacing w:line="267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</w:rPr>
              <w:t xml:space="preserve">истории </w:t>
            </w:r>
          </w:p>
        </w:tc>
      </w:tr>
    </w:tbl>
    <w:tbl>
      <w:tblPr>
        <w:tblStyle w:val="TableNormal"/>
        <w:tblpPr w:leftFromText="180" w:rightFromText="180" w:vertAnchor="text" w:horzAnchor="margin" w:tblpX="-137" w:tblpY="388"/>
        <w:tblW w:w="14889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557"/>
        <w:gridCol w:w="6520"/>
        <w:gridCol w:w="993"/>
        <w:gridCol w:w="2126"/>
        <w:gridCol w:w="2693"/>
      </w:tblGrid>
      <w:tr w:rsidR="00FF60E1" w:rsidRPr="00384111" w:rsidTr="00FF60E1">
        <w:trPr>
          <w:trHeight w:val="841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Default="00FF60E1" w:rsidP="00FF60E1">
            <w:pPr>
              <w:spacing w:before="3" w:line="256" w:lineRule="auto"/>
              <w:ind w:right="64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FF60E1" w:rsidRPr="00384111" w:rsidRDefault="00FF60E1" w:rsidP="00FF60E1">
            <w:pPr>
              <w:spacing w:before="3" w:line="256" w:lineRule="auto"/>
              <w:ind w:right="64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Гражданск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патриотическое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Default="00FF60E1" w:rsidP="00FF60E1">
            <w:pPr>
              <w:spacing w:line="256" w:lineRule="auto"/>
              <w:ind w:right="1591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FF60E1" w:rsidRPr="00384111" w:rsidRDefault="00FF60E1" w:rsidP="00FF60E1">
            <w:pPr>
              <w:spacing w:line="256" w:lineRule="auto"/>
              <w:ind w:right="159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формационные часы «России верные сыны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сяц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вовых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наний</w:t>
            </w:r>
          </w:p>
        </w:tc>
        <w:tc>
          <w:tcPr>
            <w:tcW w:w="9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2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Default="00FF60E1" w:rsidP="00FF60E1">
            <w:pPr>
              <w:spacing w:line="256" w:lineRule="auto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FF60E1" w:rsidRPr="00384111" w:rsidRDefault="00FF60E1" w:rsidP="00FF60E1">
            <w:pPr>
              <w:spacing w:line="256" w:lineRule="auto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,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дагог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-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сихолог</w:t>
            </w:r>
          </w:p>
        </w:tc>
      </w:tr>
      <w:tr w:rsidR="00FF60E1" w:rsidRPr="00384111" w:rsidTr="00FF60E1">
        <w:trPr>
          <w:trHeight w:val="774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3" w:line="256" w:lineRule="auto"/>
              <w:ind w:right="89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Духовн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нравственное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Default="00FF60E1" w:rsidP="00FF60E1">
            <w:pPr>
              <w:tabs>
                <w:tab w:val="left" w:pos="1290"/>
                <w:tab w:val="left" w:pos="2290"/>
                <w:tab w:val="left" w:pos="2875"/>
                <w:tab w:val="left" w:pos="4017"/>
                <w:tab w:val="left" w:pos="5121"/>
                <w:tab w:val="left" w:pos="5483"/>
              </w:tabs>
              <w:spacing w:line="256" w:lineRule="auto"/>
              <w:ind w:right="-1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Эстафета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ab/>
              <w:t>добрых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ab/>
              <w:t>дел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ab/>
              <w:t>«Улыбка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ab/>
              <w:t>доброты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ab/>
            </w:r>
          </w:p>
          <w:p w:rsidR="00FF60E1" w:rsidRPr="00384111" w:rsidRDefault="00FF60E1" w:rsidP="00FF60E1">
            <w:pPr>
              <w:tabs>
                <w:tab w:val="left" w:pos="1290"/>
                <w:tab w:val="left" w:pos="2290"/>
                <w:tab w:val="left" w:pos="2875"/>
                <w:tab w:val="left" w:pos="4017"/>
                <w:tab w:val="left" w:pos="5121"/>
                <w:tab w:val="left" w:pos="5483"/>
              </w:tabs>
              <w:spacing w:line="256" w:lineRule="auto"/>
              <w:ind w:right="-15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и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дежды»,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иуроченна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 Дню инвалидов»</w:t>
            </w:r>
          </w:p>
        </w:tc>
        <w:tc>
          <w:tcPr>
            <w:tcW w:w="9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2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2.12-06.12.22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FF60E1" w:rsidRPr="00384111" w:rsidTr="00FF60E1">
        <w:trPr>
          <w:trHeight w:val="780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амоуправление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56" w:lineRule="auto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крашение</w:t>
            </w:r>
            <w:r w:rsidRPr="00384111">
              <w:rPr>
                <w:rFonts w:ascii="Times New Roman" w:eastAsia="Times New Roman" w:hAnsi="Times New Roman"/>
                <w:spacing w:val="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школы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школьной</w:t>
            </w:r>
            <w:r w:rsidRPr="00384111">
              <w:rPr>
                <w:rFonts w:ascii="Times New Roman" w:eastAsia="Times New Roman" w:hAnsi="Times New Roman"/>
                <w:spacing w:val="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рритории</w:t>
            </w:r>
            <w:r w:rsidRPr="00384111">
              <w:rPr>
                <w:rFonts w:ascii="Times New Roman" w:eastAsia="Times New Roman" w:hAnsi="Times New Roman"/>
                <w:spacing w:val="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</w:t>
            </w:r>
            <w:r w:rsidRPr="00384111">
              <w:rPr>
                <w:rFonts w:ascii="Times New Roman" w:eastAsia="Times New Roman" w:hAnsi="Times New Roman"/>
                <w:spacing w:val="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овому</w:t>
            </w:r>
            <w:r w:rsidRPr="00384111">
              <w:rPr>
                <w:rFonts w:ascii="Times New Roman" w:eastAsia="Times New Roman" w:hAnsi="Times New Roman"/>
                <w:spacing w:val="5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оду.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курсы</w:t>
            </w:r>
            <w:r w:rsidRPr="00384111">
              <w:rPr>
                <w:rFonts w:ascii="Times New Roman" w:eastAsia="Times New Roman" w:hAnsi="Times New Roman"/>
                <w:spacing w:val="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Новогодни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абинет»,</w:t>
            </w:r>
            <w:r w:rsidRPr="00384111">
              <w:rPr>
                <w:rFonts w:ascii="Times New Roman" w:eastAsia="Times New Roman" w:hAnsi="Times New Roman"/>
                <w:spacing w:val="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Символ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ода»</w:t>
            </w:r>
          </w:p>
        </w:tc>
        <w:tc>
          <w:tcPr>
            <w:tcW w:w="9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2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56" w:lineRule="auto"/>
              <w:ind w:right="15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ВР</w:t>
            </w:r>
          </w:p>
        </w:tc>
      </w:tr>
      <w:tr w:rsidR="00FF60E1" w:rsidRPr="00384111" w:rsidTr="00FF60E1">
        <w:trPr>
          <w:trHeight w:val="1199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абота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с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родителями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3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Родительское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свещение:</w:t>
            </w:r>
          </w:p>
          <w:p w:rsidR="00FF60E1" w:rsidRPr="00384111" w:rsidRDefault="00FF60E1" w:rsidP="00FF60E1">
            <w:pPr>
              <w:spacing w:before="17" w:line="256" w:lineRule="auto"/>
              <w:ind w:right="132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4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ы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</w:t>
            </w:r>
            <w:r w:rsidRPr="00384111">
              <w:rPr>
                <w:rFonts w:ascii="Times New Roman" w:eastAsia="Times New Roman" w:hAnsi="Times New Roman"/>
                <w:sz w:val="24"/>
                <w:shd w:val="clear" w:color="auto" w:fill="F3F8FD"/>
                <w:lang w:val="ru-RU"/>
              </w:rPr>
              <w:t>Основы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shd w:val="clear" w:color="auto" w:fill="F3F8FD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shd w:val="clear" w:color="auto" w:fill="F3F8FD"/>
                <w:lang w:val="ru-RU"/>
              </w:rPr>
              <w:t>здоровог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shd w:val="clear" w:color="auto" w:fill="F3F8FD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shd w:val="clear" w:color="auto" w:fill="F3F8FD"/>
                <w:lang w:val="ru-RU"/>
              </w:rPr>
              <w:t>образ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shd w:val="clear" w:color="auto" w:fill="F3F8FD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shd w:val="clear" w:color="auto" w:fill="F3F8FD"/>
                <w:lang w:val="ru-RU"/>
              </w:rPr>
              <w:t>жизн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    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держательног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суга.»</w:t>
            </w:r>
          </w:p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седани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одительского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омитета</w:t>
            </w:r>
          </w:p>
        </w:tc>
        <w:tc>
          <w:tcPr>
            <w:tcW w:w="9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1-11</w:t>
            </w:r>
          </w:p>
        </w:tc>
        <w:tc>
          <w:tcPr>
            <w:tcW w:w="212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60E1" w:rsidRPr="00384111" w:rsidRDefault="00FF60E1" w:rsidP="00FF60E1">
            <w:pPr>
              <w:spacing w:before="10"/>
              <w:rPr>
                <w:rFonts w:ascii="Times New Roman" w:eastAsia="Times New Roman" w:hAnsi="Times New Roman"/>
                <w:b/>
                <w:sz w:val="32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0.12.2022</w:t>
            </w:r>
          </w:p>
          <w:p w:rsidR="00FF60E1" w:rsidRPr="00384111" w:rsidRDefault="00FF60E1" w:rsidP="00FF60E1">
            <w:pPr>
              <w:spacing w:before="7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FF60E1" w:rsidRPr="00384111" w:rsidRDefault="00FF60E1" w:rsidP="00FF60E1">
            <w:pPr>
              <w:spacing w:before="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2.12.2022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56" w:lineRule="auto"/>
              <w:ind w:right="15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  <w:tr w:rsidR="00FF60E1" w:rsidRPr="00384111" w:rsidTr="00FF60E1">
        <w:trPr>
          <w:trHeight w:val="602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lastRenderedPageBreak/>
              <w:t>Экологическое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3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Операци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«Покормит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тиц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зимой»</w:t>
            </w:r>
          </w:p>
        </w:tc>
        <w:tc>
          <w:tcPr>
            <w:tcW w:w="9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3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5</w:t>
            </w:r>
          </w:p>
        </w:tc>
        <w:tc>
          <w:tcPr>
            <w:tcW w:w="212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3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Ноябрь-апрель</w:t>
            </w:r>
          </w:p>
          <w:p w:rsidR="00FF60E1" w:rsidRPr="00384111" w:rsidRDefault="00FF60E1" w:rsidP="00FF60E1">
            <w:pPr>
              <w:spacing w:before="24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022-2023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3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FF60E1" w:rsidRPr="00384111" w:rsidTr="00FF60E1">
        <w:trPr>
          <w:trHeight w:val="604"/>
        </w:trPr>
        <w:tc>
          <w:tcPr>
            <w:tcW w:w="255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истема</w:t>
            </w:r>
          </w:p>
          <w:p w:rsidR="00FF60E1" w:rsidRPr="004F30BF" w:rsidRDefault="00FF60E1" w:rsidP="00FF60E1">
            <w:pPr>
              <w:spacing w:before="2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b/>
                <w:sz w:val="24"/>
              </w:rPr>
              <w:t>Доп</w:t>
            </w: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>.образования</w:t>
            </w:r>
          </w:p>
        </w:tc>
        <w:tc>
          <w:tcPr>
            <w:tcW w:w="65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бот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ружков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кци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списанию</w:t>
            </w:r>
          </w:p>
          <w:p w:rsidR="00FF60E1" w:rsidRPr="00384111" w:rsidRDefault="00FF60E1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Мастерская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ед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ороза</w:t>
            </w:r>
          </w:p>
        </w:tc>
        <w:tc>
          <w:tcPr>
            <w:tcW w:w="9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FF60E1" w:rsidRPr="00384111" w:rsidRDefault="00FF60E1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2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60E1" w:rsidRPr="00384111" w:rsidRDefault="00FF60E1" w:rsidP="00FF60E1">
            <w:pPr>
              <w:spacing w:before="9"/>
              <w:rPr>
                <w:rFonts w:ascii="Times New Roman" w:eastAsia="Times New Roman" w:hAnsi="Times New Roman"/>
                <w:b/>
                <w:sz w:val="25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line="256" w:lineRule="auto"/>
              <w:ind w:right="15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  <w:p w:rsidR="00FF60E1" w:rsidRPr="00384111" w:rsidRDefault="00FF60E1" w:rsidP="00FF60E1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10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</w:tbl>
    <w:tbl>
      <w:tblPr>
        <w:tblStyle w:val="TableNormal"/>
        <w:tblpPr w:leftFromText="180" w:rightFromText="180" w:vertAnchor="text" w:horzAnchor="margin" w:tblpY="1814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3119"/>
        <w:gridCol w:w="6237"/>
        <w:gridCol w:w="992"/>
        <w:gridCol w:w="2127"/>
        <w:gridCol w:w="2635"/>
      </w:tblGrid>
      <w:tr w:rsidR="00FF60E1" w:rsidRPr="00384111" w:rsidTr="00FF60E1">
        <w:trPr>
          <w:trHeight w:val="786"/>
        </w:trPr>
        <w:tc>
          <w:tcPr>
            <w:tcW w:w="311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022A8E" w:rsidRDefault="00FF60E1" w:rsidP="00FF60E1">
            <w:pPr>
              <w:spacing w:before="11" w:line="256" w:lineRule="auto"/>
              <w:ind w:right="129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022A8E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илакт</w:t>
            </w: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 xml:space="preserve">ика </w:t>
            </w:r>
            <w:r w:rsidRPr="00022A8E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022A8E">
              <w:rPr>
                <w:rFonts w:ascii="Times New Roman" w:eastAsia="Times New Roman" w:hAnsi="Times New Roman"/>
                <w:b/>
                <w:sz w:val="24"/>
                <w:lang w:val="ru-RU"/>
              </w:rPr>
              <w:t>ДДТТ</w:t>
            </w:r>
          </w:p>
        </w:tc>
        <w:tc>
          <w:tcPr>
            <w:tcW w:w="623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структажи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ам</w:t>
            </w:r>
          </w:p>
          <w:p w:rsidR="00FF60E1" w:rsidRPr="00384111" w:rsidRDefault="00FF60E1" w:rsidP="00FF60E1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.час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Как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ест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б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о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ем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имних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аникул»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022A8E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22A8E">
              <w:rPr>
                <w:rFonts w:ascii="Times New Roman" w:eastAsia="Times New Roman" w:hAnsi="Times New Roman"/>
                <w:sz w:val="24"/>
                <w:lang w:val="ru-RU"/>
              </w:rPr>
              <w:t>1-11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022A8E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22A8E">
              <w:rPr>
                <w:rFonts w:ascii="Times New Roman" w:eastAsia="Times New Roman" w:hAnsi="Times New Roman"/>
                <w:sz w:val="24"/>
                <w:lang w:val="ru-RU"/>
              </w:rPr>
              <w:t>20.12.2022</w:t>
            </w:r>
          </w:p>
          <w:p w:rsidR="00FF60E1" w:rsidRPr="00022A8E" w:rsidRDefault="00FF60E1" w:rsidP="00FF60E1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22A8E">
              <w:rPr>
                <w:rFonts w:ascii="Times New Roman" w:eastAsia="Times New Roman" w:hAnsi="Times New Roman"/>
                <w:sz w:val="24"/>
                <w:lang w:val="ru-RU"/>
              </w:rPr>
              <w:t>20.12.2022</w:t>
            </w:r>
          </w:p>
        </w:tc>
        <w:tc>
          <w:tcPr>
            <w:tcW w:w="26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022A8E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22A8E">
              <w:rPr>
                <w:rFonts w:ascii="Times New Roman" w:eastAsia="Times New Roman" w:hAnsi="Times New Roman"/>
                <w:sz w:val="24"/>
                <w:lang w:val="ru-RU"/>
              </w:rPr>
              <w:t>кл</w:t>
            </w:r>
            <w:r w:rsidRPr="00384111">
              <w:rPr>
                <w:rFonts w:ascii="Times New Roman" w:eastAsia="Times New Roman" w:hAnsi="Times New Roman"/>
                <w:sz w:val="24"/>
              </w:rPr>
              <w:t>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тели</w:t>
            </w:r>
          </w:p>
        </w:tc>
      </w:tr>
      <w:tr w:rsidR="00FF60E1" w:rsidRPr="00384111" w:rsidTr="00FF60E1">
        <w:trPr>
          <w:trHeight w:val="787"/>
        </w:trPr>
        <w:tc>
          <w:tcPr>
            <w:tcW w:w="311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13" w:line="256" w:lineRule="auto"/>
              <w:ind w:right="1117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портивн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оздоровительное</w:t>
            </w:r>
          </w:p>
        </w:tc>
        <w:tc>
          <w:tcPr>
            <w:tcW w:w="623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 w:line="256" w:lineRule="auto"/>
              <w:ind w:right="2794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Спортивные соревнования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 графику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  <w:p w:rsidR="00FF60E1" w:rsidRPr="00384111" w:rsidRDefault="00FF60E1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физкультуры</w:t>
            </w:r>
          </w:p>
        </w:tc>
      </w:tr>
      <w:tr w:rsidR="00FF60E1" w:rsidRPr="00384111" w:rsidTr="00FF60E1">
        <w:trPr>
          <w:trHeight w:val="1041"/>
        </w:trPr>
        <w:tc>
          <w:tcPr>
            <w:tcW w:w="311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11" w:line="256" w:lineRule="auto"/>
              <w:ind w:right="9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ессиональн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трудовое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экономическое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воспитание</w:t>
            </w:r>
          </w:p>
        </w:tc>
        <w:tc>
          <w:tcPr>
            <w:tcW w:w="623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Дежурств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школе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</w:tbl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FF60E1">
          <w:pgSz w:w="16840" w:h="11910" w:orient="landscape"/>
          <w:pgMar w:top="560" w:right="760" w:bottom="1080" w:left="880" w:header="0" w:footer="896" w:gutter="0"/>
          <w:cols w:space="720"/>
        </w:sectPr>
      </w:pPr>
    </w:p>
    <w:tbl>
      <w:tblPr>
        <w:tblStyle w:val="TableNormal"/>
        <w:tblpPr w:leftFromText="180" w:rightFromText="180" w:vertAnchor="text" w:horzAnchor="margin" w:tblpY="727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3087"/>
        <w:gridCol w:w="5668"/>
        <w:gridCol w:w="1136"/>
        <w:gridCol w:w="2164"/>
        <w:gridCol w:w="2797"/>
      </w:tblGrid>
      <w:tr w:rsidR="00FF60E1" w:rsidRPr="00384111" w:rsidTr="00FF60E1">
        <w:trPr>
          <w:trHeight w:val="2399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11" w:line="256" w:lineRule="auto"/>
              <w:ind w:right="1024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lastRenderedPageBreak/>
              <w:t>ормировани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жизнестойкости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чащихся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(профилактика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безнадзорности и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>правонарушений,</w:t>
            </w:r>
          </w:p>
          <w:p w:rsidR="00FF60E1" w:rsidRPr="00B86DB3" w:rsidRDefault="00FF60E1" w:rsidP="00FF60E1">
            <w:pPr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B86DB3">
              <w:rPr>
                <w:rFonts w:ascii="Times New Roman" w:eastAsia="Times New Roman" w:hAnsi="Times New Roman"/>
                <w:b/>
                <w:sz w:val="24"/>
                <w:lang w:val="ru-RU"/>
              </w:rPr>
              <w:t>социально-опасных</w:t>
            </w:r>
          </w:p>
          <w:p w:rsidR="00FF60E1" w:rsidRPr="00B86DB3" w:rsidRDefault="00FF60E1" w:rsidP="00FF60E1">
            <w:pPr>
              <w:spacing w:before="2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B86DB3">
              <w:rPr>
                <w:rFonts w:ascii="Times New Roman" w:eastAsia="Times New Roman" w:hAnsi="Times New Roman"/>
                <w:b/>
                <w:sz w:val="24"/>
                <w:lang w:val="ru-RU"/>
              </w:rPr>
              <w:t>явлений)</w:t>
            </w:r>
          </w:p>
        </w:tc>
        <w:tc>
          <w:tcPr>
            <w:tcW w:w="56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FF60E1" w:rsidRPr="00384111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ет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филактики</w:t>
            </w:r>
          </w:p>
          <w:p w:rsidR="00FF60E1" w:rsidRPr="00384111" w:rsidRDefault="00FF60E1" w:rsidP="00FF60E1">
            <w:pPr>
              <w:spacing w:before="21" w:line="259" w:lineRule="auto"/>
              <w:ind w:right="170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 с учащимися «группы риска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ещ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мей СОП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60E1" w:rsidRPr="00384111" w:rsidRDefault="00FF60E1" w:rsidP="00FF60E1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FF60E1" w:rsidRPr="00384111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Default="00FF60E1" w:rsidP="00FF60E1">
            <w:pPr>
              <w:spacing w:before="6"/>
              <w:rPr>
                <w:rFonts w:ascii="Times New Roman" w:eastAsia="Times New Roman" w:hAnsi="Times New Roman"/>
                <w:spacing w:val="53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pacing w:val="53"/>
                <w:sz w:val="24"/>
              </w:rPr>
              <w:t xml:space="preserve"> </w:t>
            </w:r>
          </w:p>
          <w:p w:rsidR="00FF60E1" w:rsidRPr="00022A8E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Педагог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-психолог</w:t>
            </w:r>
          </w:p>
        </w:tc>
      </w:tr>
      <w:tr w:rsidR="00FF60E1" w:rsidRPr="00384111" w:rsidTr="00FF60E1">
        <w:trPr>
          <w:trHeight w:val="1296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13" w:line="256" w:lineRule="auto"/>
              <w:ind w:right="119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Художественно-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эстетическое</w:t>
            </w:r>
          </w:p>
        </w:tc>
        <w:tc>
          <w:tcPr>
            <w:tcW w:w="56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Новогодни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роприятия «Новогодни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карнавал</w:t>
            </w:r>
            <w:r w:rsidRPr="00384111">
              <w:rPr>
                <w:rFonts w:ascii="Times New Roman" w:eastAsia="Times New Roman" w:hAnsi="Times New Roman"/>
                <w:sz w:val="24"/>
              </w:rPr>
              <w:t>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5</w:t>
            </w:r>
          </w:p>
          <w:p w:rsidR="00FF60E1" w:rsidRPr="00384111" w:rsidRDefault="00FF60E1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6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0.12.2022 -</w:t>
            </w:r>
          </w:p>
          <w:p w:rsidR="00FF60E1" w:rsidRPr="00384111" w:rsidRDefault="00FF60E1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3.12.2022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 w:line="256" w:lineRule="auto"/>
              <w:ind w:right="28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  <w:p w:rsidR="00FF60E1" w:rsidRPr="00384111" w:rsidRDefault="00FF60E1" w:rsidP="00FF60E1">
            <w:pPr>
              <w:spacing w:line="256" w:lineRule="auto"/>
              <w:ind w:right="23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с</w:t>
            </w:r>
          </w:p>
        </w:tc>
      </w:tr>
      <w:tr w:rsidR="00FF60E1" w:rsidRPr="00384111" w:rsidTr="00FF60E1">
        <w:trPr>
          <w:trHeight w:val="861"/>
        </w:trPr>
        <w:tc>
          <w:tcPr>
            <w:tcW w:w="14852" w:type="dxa"/>
            <w:gridSpan w:val="5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11"/>
              <w:ind w:right="5302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ЯНВАРЬ</w:t>
            </w:r>
          </w:p>
          <w:p w:rsidR="00FF60E1" w:rsidRPr="00384111" w:rsidRDefault="00FF60E1" w:rsidP="00FF60E1">
            <w:pPr>
              <w:spacing w:before="16"/>
              <w:ind w:right="5297"/>
              <w:jc w:val="center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есяца:</w:t>
            </w:r>
            <w:r w:rsidRPr="00384111">
              <w:rPr>
                <w:rFonts w:ascii="Times New Roman" w:eastAsia="Times New Roman" w:hAnsi="Times New Roman"/>
                <w:b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u w:val="single"/>
                <w:lang w:val="ru-RU"/>
              </w:rPr>
              <w:t>«Прав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u w:val="single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u w:val="single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u w:val="single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u w:val="single"/>
                <w:lang w:val="ru-RU"/>
              </w:rPr>
              <w:t>обязанности»</w:t>
            </w:r>
          </w:p>
        </w:tc>
      </w:tr>
      <w:tr w:rsidR="00FF60E1" w:rsidRPr="00384111" w:rsidTr="00FF60E1">
        <w:trPr>
          <w:trHeight w:val="2073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Календарь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ат</w:t>
            </w: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spacing w:before="1"/>
              <w:rPr>
                <w:rFonts w:ascii="Times New Roman" w:eastAsia="Times New Roman" w:hAnsi="Times New Roman"/>
                <w:b/>
                <w:sz w:val="35"/>
              </w:rPr>
            </w:pPr>
          </w:p>
          <w:p w:rsidR="00FF60E1" w:rsidRPr="00384111" w:rsidRDefault="00FF60E1" w:rsidP="00FF60E1">
            <w:pPr>
              <w:spacing w:line="256" w:lineRule="auto"/>
              <w:ind w:right="1209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Гражданск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патриотическое</w:t>
            </w:r>
          </w:p>
        </w:tc>
        <w:tc>
          <w:tcPr>
            <w:tcW w:w="56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60E1" w:rsidRPr="00384111" w:rsidRDefault="00FF60E1" w:rsidP="00FF60E1">
            <w:pPr>
              <w:spacing w:before="6" w:line="244" w:lineRule="auto"/>
              <w:ind w:right="25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 часы, беседы, внеклассные мероприятия: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ждународны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 памяти жертв</w:t>
            </w:r>
          </w:p>
          <w:p w:rsidR="00FF60E1" w:rsidRPr="00384111" w:rsidRDefault="00FF60E1" w:rsidP="00FF60E1">
            <w:pPr>
              <w:spacing w:line="223" w:lineRule="auto"/>
              <w:ind w:right="773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Холокоста -27.01 День полного освобождения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енинград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т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фашистско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локады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-27.01</w:t>
            </w: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  <w:lang w:val="ru-RU"/>
              </w:rPr>
            </w:pPr>
          </w:p>
          <w:p w:rsidR="00FF60E1" w:rsidRPr="00384111" w:rsidRDefault="00FF60E1" w:rsidP="00FF60E1">
            <w:pPr>
              <w:spacing w:before="19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онкурс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чтецов «Белы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журавли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spacing w:before="6"/>
              <w:rPr>
                <w:rFonts w:ascii="Times New Roman" w:eastAsia="Times New Roman" w:hAnsi="Times New Roman"/>
                <w:b/>
                <w:sz w:val="23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b/>
                <w:sz w:val="29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7.01.2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FF60E1" w:rsidRPr="00384111" w:rsidRDefault="00FF60E1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FF60E1" w:rsidRPr="00384111" w:rsidTr="00FF60E1">
        <w:trPr>
          <w:trHeight w:val="789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амоуправление</w:t>
            </w:r>
          </w:p>
        </w:tc>
        <w:tc>
          <w:tcPr>
            <w:tcW w:w="56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седани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ет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таршеклассников.</w:t>
            </w:r>
          </w:p>
          <w:p w:rsidR="00FF60E1" w:rsidRPr="00384111" w:rsidRDefault="00FF60E1" w:rsidP="00FF60E1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ейд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верк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нешнег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ида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ащихся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  <w:p w:rsidR="00FF60E1" w:rsidRPr="00384111" w:rsidRDefault="00FF60E1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8" w:line="256" w:lineRule="auto"/>
              <w:ind w:right="28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  <w:p w:rsidR="00FF60E1" w:rsidRPr="000A6509" w:rsidRDefault="00FF60E1" w:rsidP="00FF60E1">
            <w:pPr>
              <w:spacing w:before="8" w:line="256" w:lineRule="auto"/>
              <w:ind w:right="23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  <w:tr w:rsidR="00FF60E1" w:rsidRPr="00384111" w:rsidTr="00FF60E1">
        <w:trPr>
          <w:trHeight w:val="911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абота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с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родителями</w:t>
            </w:r>
          </w:p>
        </w:tc>
        <w:tc>
          <w:tcPr>
            <w:tcW w:w="56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0A6509" w:rsidRDefault="00FF60E1" w:rsidP="00FF60E1">
            <w:pPr>
              <w:spacing w:before="6" w:line="256" w:lineRule="auto"/>
              <w:ind w:right="66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ейд по проверке внешнего вида учащихся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.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</w:p>
          <w:p w:rsidR="00FF60E1" w:rsidRPr="000A6509" w:rsidRDefault="00FF60E1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0A6509" w:rsidRDefault="00FF60E1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b/>
                <w:sz w:val="24"/>
                <w:lang w:val="ru-RU"/>
              </w:rPr>
              <w:t>1-11</w:t>
            </w:r>
          </w:p>
          <w:p w:rsidR="00FF60E1" w:rsidRPr="000A6509" w:rsidRDefault="00FF60E1" w:rsidP="00FF60E1">
            <w:pPr>
              <w:spacing w:before="1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0A6509" w:rsidRDefault="00FF60E1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02.01.2023</w:t>
            </w:r>
          </w:p>
          <w:p w:rsidR="00FF60E1" w:rsidRPr="000A6509" w:rsidRDefault="00FF60E1" w:rsidP="00FF60E1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02.01.202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FF60E1" w:rsidRPr="00384111" w:rsidRDefault="00FF60E1" w:rsidP="00FF60E1">
            <w:pPr>
              <w:spacing w:before="6" w:line="256" w:lineRule="auto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,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.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ир. ВР</w:t>
            </w:r>
          </w:p>
        </w:tc>
      </w:tr>
    </w:tbl>
    <w:p w:rsidR="002A244B" w:rsidRPr="00384111" w:rsidRDefault="008026C5" w:rsidP="002A244B">
      <w:pPr>
        <w:widowControl w:val="0"/>
        <w:autoSpaceDE w:val="0"/>
        <w:autoSpaceDN w:val="0"/>
        <w:spacing w:after="1" w:line="240" w:lineRule="auto"/>
        <w:rPr>
          <w:rFonts w:ascii="Times New Roman" w:eastAsia="Times New Roman" w:hAnsi="Times New Roman" w:cs="Times New Roman"/>
          <w:b/>
          <w:sz w:val="26"/>
          <w:szCs w:val="28"/>
        </w:rPr>
      </w:pPr>
      <w:r w:rsidRPr="008026C5">
        <w:rPr>
          <w:rFonts w:ascii="Times New Roman" w:eastAsia="Times New Roman" w:hAnsi="Times New Roman" w:cs="Times New Roman"/>
          <w:noProof/>
          <w:sz w:val="28"/>
          <w:szCs w:val="28"/>
          <w:lang w:eastAsia="ru-RU"/>
        </w:rPr>
        <w:pict>
          <v:rect id="Rectangle 2" o:spid="_x0000_s1026" style="position:absolute;margin-left:186.55pt;margin-top:212.45pt;width:116.75pt;height:12.55pt;z-index:-251658752;visibility:visible;mso-position-horizontal-relative:page;mso-position-vertical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" fillcolor="#f3f8fd" stroked="f">
            <w10:wrap anchorx="page" anchory="page"/>
          </v:rect>
        </w:pict>
      </w:r>
    </w:p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153F86">
          <w:pgSz w:w="16840" w:h="11910" w:orient="landscape"/>
          <w:pgMar w:top="560" w:right="760" w:bottom="1080" w:left="880" w:header="0" w:footer="896" w:gutter="0"/>
          <w:cols w:space="720"/>
          <w:docGrid w:linePitch="299"/>
        </w:sectPr>
      </w:pPr>
    </w:p>
    <w:p w:rsidR="002A244B" w:rsidRPr="00384111" w:rsidRDefault="002A244B" w:rsidP="002A244B">
      <w:pPr>
        <w:widowControl w:val="0"/>
        <w:autoSpaceDE w:val="0"/>
        <w:autoSpaceDN w:val="0"/>
        <w:spacing w:before="5" w:after="1" w:line="240" w:lineRule="auto"/>
        <w:rPr>
          <w:rFonts w:ascii="Times New Roman" w:eastAsia="Times New Roman" w:hAnsi="Times New Roman" w:cs="Times New Roman"/>
          <w:b/>
          <w:sz w:val="26"/>
          <w:szCs w:val="28"/>
        </w:rPr>
      </w:pPr>
    </w:p>
    <w:tbl>
      <w:tblPr>
        <w:tblStyle w:val="TableNormal"/>
        <w:tblW w:w="0" w:type="auto"/>
        <w:tblInd w:w="121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3087"/>
        <w:gridCol w:w="5982"/>
        <w:gridCol w:w="1044"/>
        <w:gridCol w:w="2050"/>
        <w:gridCol w:w="2685"/>
      </w:tblGrid>
      <w:tr w:rsidR="002A244B" w:rsidRPr="00384111" w:rsidTr="00FF60E1">
        <w:trPr>
          <w:trHeight w:val="609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0A6509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b/>
                <w:sz w:val="24"/>
                <w:lang w:val="ru-RU"/>
              </w:rPr>
              <w:t>Экологическое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перация «Кормушка»</w:t>
            </w:r>
            <w:r w:rsidRPr="00384111">
              <w:rPr>
                <w:rFonts w:ascii="Times New Roman" w:eastAsia="Times New Roman" w:hAnsi="Times New Roman"/>
                <w:spacing w:val="-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л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окормит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тиц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имой»</w:t>
            </w: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5</w:t>
            </w: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Ноябрь-апрель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1501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13" w:line="256" w:lineRule="auto"/>
              <w:ind w:right="129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13" w:line="256" w:lineRule="auto"/>
              <w:ind w:right="1295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Профилактика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ДТТ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амятки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Дорога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пасности»</w:t>
            </w:r>
          </w:p>
          <w:p w:rsidR="002A244B" w:rsidRPr="00384111" w:rsidRDefault="002A244B" w:rsidP="00FF60E1">
            <w:pPr>
              <w:spacing w:before="22" w:line="256" w:lineRule="auto"/>
              <w:ind w:right="93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новление информации на стенде и в Уголках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опасности</w:t>
            </w:r>
          </w:p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ейд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верк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личи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ветовозвращающих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элементов</w:t>
            </w: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609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портивно-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оздоровительное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Первенств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школы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баскетболу</w:t>
            </w: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7-11</w:t>
            </w: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4.01.2023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физкультуры</w:t>
            </w:r>
          </w:p>
        </w:tc>
      </w:tr>
      <w:tr w:rsidR="002A244B" w:rsidRPr="00384111" w:rsidTr="00FF60E1">
        <w:trPr>
          <w:trHeight w:val="1033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 w:line="235" w:lineRule="auto"/>
              <w:ind w:right="904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ессионально-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трудовое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и</w:t>
            </w:r>
          </w:p>
          <w:p w:rsidR="002A244B" w:rsidRPr="00384111" w:rsidRDefault="002A244B" w:rsidP="00FF60E1">
            <w:pPr>
              <w:spacing w:before="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экономическое</w:t>
            </w:r>
            <w:r w:rsidRPr="00384111">
              <w:rPr>
                <w:rFonts w:ascii="Times New Roman" w:eastAsia="Times New Roman" w:hAnsi="Times New Roman"/>
                <w:b/>
                <w:spacing w:val="-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воспитание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spacing w:before="7"/>
              <w:rPr>
                <w:rFonts w:ascii="Times New Roman" w:eastAsia="Times New Roman" w:hAnsi="Times New Roman"/>
                <w:b/>
                <w:sz w:val="26"/>
                <w:lang w:val="ru-RU"/>
              </w:rPr>
            </w:pPr>
          </w:p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онтроль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ежурств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школе</w:t>
            </w: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8-11</w:t>
            </w: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56" w:lineRule="auto"/>
              <w:ind w:right="159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.рук.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Уч.</w:t>
            </w:r>
            <w:r w:rsidRPr="00384111">
              <w:rPr>
                <w:rFonts w:ascii="Times New Roman" w:eastAsia="Times New Roman" w:hAnsi="Times New Roman"/>
                <w:spacing w:val="-1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совет</w:t>
            </w:r>
          </w:p>
        </w:tc>
      </w:tr>
      <w:tr w:rsidR="002A244B" w:rsidRPr="00384111" w:rsidTr="00FF60E1">
        <w:trPr>
          <w:trHeight w:val="2100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Формирование</w:t>
            </w:r>
          </w:p>
          <w:p w:rsidR="002A244B" w:rsidRPr="00384111" w:rsidRDefault="002A244B" w:rsidP="00FF60E1">
            <w:pPr>
              <w:spacing w:before="22" w:line="256" w:lineRule="auto"/>
              <w:ind w:right="4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жизнестойкости</w:t>
            </w:r>
            <w:r w:rsidRPr="00384111">
              <w:rPr>
                <w:rFonts w:ascii="Times New Roman" w:eastAsia="Times New Roman" w:hAnsi="Times New Roman"/>
                <w:b/>
                <w:spacing w:val="1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чащихся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(профилактика</w:t>
            </w:r>
          </w:p>
          <w:p w:rsidR="002A244B" w:rsidRPr="00384111" w:rsidRDefault="002A244B" w:rsidP="00FF60E1">
            <w:pPr>
              <w:tabs>
                <w:tab w:val="left" w:pos="2880"/>
              </w:tabs>
              <w:spacing w:line="254" w:lineRule="auto"/>
              <w:ind w:right="56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безнадзорности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ab/>
            </w:r>
            <w:r w:rsidRPr="00384111">
              <w:rPr>
                <w:rFonts w:ascii="Times New Roman" w:eastAsia="Times New Roman" w:hAnsi="Times New Roman"/>
                <w:b/>
                <w:spacing w:val="-4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вонарушений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,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циально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-опасных</w:t>
            </w:r>
          </w:p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явлений)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ет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филактики</w:t>
            </w:r>
          </w:p>
          <w:p w:rsidR="002A244B" w:rsidRPr="00384111" w:rsidRDefault="002A244B" w:rsidP="00FF60E1">
            <w:pPr>
              <w:spacing w:before="22" w:line="256" w:lineRule="auto"/>
              <w:ind w:right="29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 «Азбука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ва»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астием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спекторо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ДН,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ДН,</w:t>
            </w:r>
          </w:p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ИБДД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(по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иглашению)</w:t>
            </w:r>
          </w:p>
          <w:p w:rsidR="002A244B" w:rsidRPr="00384111" w:rsidRDefault="002A244B" w:rsidP="00FF60E1">
            <w:pPr>
              <w:spacing w:before="22" w:line="256" w:lineRule="auto"/>
              <w:ind w:right="20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 с учащимися «группы риска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ещ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мей СОП</w:t>
            </w: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31.01.2023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  <w:p w:rsidR="002A244B" w:rsidRPr="000A6509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Педагог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-психолог.</w:t>
            </w:r>
          </w:p>
        </w:tc>
      </w:tr>
      <w:tr w:rsidR="002A244B" w:rsidRPr="00384111" w:rsidTr="00FF60E1">
        <w:trPr>
          <w:trHeight w:val="779"/>
        </w:trPr>
        <w:tc>
          <w:tcPr>
            <w:tcW w:w="14848" w:type="dxa"/>
            <w:gridSpan w:val="5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ind w:right="5124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ФЕВРАЛЬ</w:t>
            </w:r>
          </w:p>
          <w:p w:rsidR="002A244B" w:rsidRPr="00384111" w:rsidRDefault="002A244B" w:rsidP="00FF60E1">
            <w:pPr>
              <w:spacing w:before="21"/>
              <w:ind w:right="5130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есяца: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«Быстрее,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выше,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сильнее.»</w:t>
            </w:r>
          </w:p>
        </w:tc>
      </w:tr>
      <w:tr w:rsidR="002A244B" w:rsidRPr="00384111" w:rsidTr="00FF60E1">
        <w:trPr>
          <w:trHeight w:val="1428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Календарь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ат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56" w:lineRule="auto"/>
              <w:ind w:right="587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 часы, беседы, внеклассные мероприятия: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08.02-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оссийско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уки</w:t>
            </w:r>
          </w:p>
          <w:p w:rsidR="002A244B" w:rsidRPr="00384111" w:rsidRDefault="002A244B" w:rsidP="00FF60E1">
            <w:pPr>
              <w:spacing w:line="230" w:lineRule="auto"/>
              <w:ind w:right="114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5.02-День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амяти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оссиянах,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сполнявших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лужебный долг за пределами Отечества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23.02-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щитника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течества</w:t>
            </w: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906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Интеллектуальное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уки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едел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опасного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тернета</w:t>
            </w: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6-11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7-11</w:t>
            </w: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8.02.2023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1-07.02.23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м.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УВР</w:t>
            </w:r>
          </w:p>
        </w:tc>
      </w:tr>
    </w:tbl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FF60E1">
          <w:pgSz w:w="16840" w:h="11910" w:orient="landscape"/>
          <w:pgMar w:top="560" w:right="760" w:bottom="1080" w:left="880" w:header="0" w:footer="896" w:gutter="0"/>
          <w:cols w:space="720"/>
        </w:sectPr>
      </w:pPr>
    </w:p>
    <w:tbl>
      <w:tblPr>
        <w:tblStyle w:val="TableNormal"/>
        <w:tblW w:w="0" w:type="auto"/>
        <w:tblInd w:w="121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3087"/>
        <w:gridCol w:w="5982"/>
        <w:gridCol w:w="1044"/>
        <w:gridCol w:w="2050"/>
        <w:gridCol w:w="2685"/>
      </w:tblGrid>
      <w:tr w:rsidR="002A244B" w:rsidRPr="00384111" w:rsidTr="00FF60E1">
        <w:trPr>
          <w:trHeight w:val="1288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11" w:line="256" w:lineRule="auto"/>
              <w:ind w:right="1209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11" w:line="256" w:lineRule="auto"/>
              <w:ind w:right="1209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Гражданск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патриотическое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2" w:line="223" w:lineRule="auto"/>
              <w:ind w:right="68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2" w:line="223" w:lineRule="auto"/>
              <w:ind w:right="68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ставка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ниг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Воинско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блести,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лав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ест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вящается…»</w:t>
            </w: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курс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исунков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Мо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течество»</w:t>
            </w:r>
          </w:p>
          <w:p w:rsidR="002A244B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фганца «Афганистан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олит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ое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уше»</w:t>
            </w:r>
          </w:p>
          <w:p w:rsidR="002A244B" w:rsidRPr="00384111" w:rsidRDefault="002A244B" w:rsidP="00FF60E1">
            <w:pPr>
              <w:spacing w:before="7" w:line="269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формационные</w:t>
            </w:r>
            <w:r w:rsidRPr="00384111">
              <w:rPr>
                <w:rFonts w:ascii="Times New Roman" w:eastAsia="Times New Roman" w:hAnsi="Times New Roman"/>
                <w:spacing w:val="-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асы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Горячи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очки.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чера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годня»,</w:t>
            </w:r>
          </w:p>
          <w:p w:rsidR="002A244B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вященная Дню памяти о россиянах, исполнявших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лужебны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лг з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еделами Отечества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4</w:t>
            </w:r>
          </w:p>
          <w:p w:rsidR="002A244B" w:rsidRPr="00384111" w:rsidRDefault="002A244B" w:rsidP="00FF60E1">
            <w:pPr>
              <w:spacing w:before="24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7-11</w:t>
            </w: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6" w:line="444" w:lineRule="auto"/>
              <w:ind w:right="827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Default="002A244B" w:rsidP="00FF60E1">
            <w:pPr>
              <w:spacing w:before="6" w:line="444" w:lineRule="auto"/>
              <w:ind w:right="827"/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в.библиотекой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</w:p>
          <w:p w:rsidR="002A244B" w:rsidRPr="00892C70" w:rsidRDefault="002A244B" w:rsidP="00FF60E1">
            <w:pPr>
              <w:spacing w:before="6" w:line="444" w:lineRule="auto"/>
              <w:ind w:right="827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530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амоуправление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Акци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«Посылка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солдату»</w:t>
            </w: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февраль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.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совет</w:t>
            </w:r>
          </w:p>
        </w:tc>
      </w:tr>
      <w:tr w:rsidR="002A244B" w:rsidRPr="00384111" w:rsidTr="00FF60E1">
        <w:trPr>
          <w:trHeight w:val="325"/>
        </w:trPr>
        <w:tc>
          <w:tcPr>
            <w:tcW w:w="308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абота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с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родителями</w:t>
            </w:r>
          </w:p>
        </w:tc>
        <w:tc>
          <w:tcPr>
            <w:tcW w:w="59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одительское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просвещение:</w:t>
            </w:r>
          </w:p>
        </w:tc>
        <w:tc>
          <w:tcPr>
            <w:tcW w:w="10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892C70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</w:tc>
        <w:tc>
          <w:tcPr>
            <w:tcW w:w="20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7.02.2023</w:t>
            </w:r>
          </w:p>
        </w:tc>
        <w:tc>
          <w:tcPr>
            <w:tcW w:w="268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</w:tbl>
    <w:p w:rsidR="002A244B" w:rsidRPr="00384111" w:rsidRDefault="002A244B" w:rsidP="002A244B">
      <w:pPr>
        <w:widowControl w:val="0"/>
        <w:autoSpaceDE w:val="0"/>
        <w:autoSpaceDN w:val="0"/>
        <w:spacing w:before="5" w:after="1" w:line="240" w:lineRule="auto"/>
        <w:rPr>
          <w:rFonts w:ascii="Times New Roman" w:eastAsia="Times New Roman" w:hAnsi="Times New Roman" w:cs="Times New Roman"/>
          <w:b/>
          <w:sz w:val="26"/>
          <w:szCs w:val="28"/>
        </w:rPr>
      </w:pPr>
    </w:p>
    <w:tbl>
      <w:tblPr>
        <w:tblStyle w:val="TableNormal"/>
        <w:tblW w:w="0" w:type="auto"/>
        <w:tblInd w:w="121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3145"/>
        <w:gridCol w:w="5953"/>
        <w:gridCol w:w="992"/>
        <w:gridCol w:w="2127"/>
        <w:gridCol w:w="2635"/>
      </w:tblGrid>
      <w:tr w:rsidR="002A244B" w:rsidRPr="00384111" w:rsidTr="00FF60E1">
        <w:trPr>
          <w:trHeight w:val="535"/>
        </w:trPr>
        <w:tc>
          <w:tcPr>
            <w:tcW w:w="314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5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8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ервы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блемы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дростковог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озраста»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6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Педагог-психолог</w:t>
            </w:r>
          </w:p>
        </w:tc>
      </w:tr>
      <w:tr w:rsidR="002A244B" w:rsidRPr="00384111" w:rsidTr="00FF60E1">
        <w:trPr>
          <w:trHeight w:val="614"/>
        </w:trPr>
        <w:tc>
          <w:tcPr>
            <w:tcW w:w="314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Экологическое</w:t>
            </w:r>
          </w:p>
        </w:tc>
        <w:tc>
          <w:tcPr>
            <w:tcW w:w="5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перация «Кормушка»</w:t>
            </w:r>
            <w:r w:rsidRPr="00384111">
              <w:rPr>
                <w:rFonts w:ascii="Times New Roman" w:eastAsia="Times New Roman" w:hAnsi="Times New Roman"/>
                <w:spacing w:val="-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л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окормит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тиц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имой»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5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Ноябрь-февраль</w:t>
            </w:r>
          </w:p>
        </w:tc>
        <w:tc>
          <w:tcPr>
            <w:tcW w:w="26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1091"/>
        </w:trPr>
        <w:tc>
          <w:tcPr>
            <w:tcW w:w="3145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0" w:line="228" w:lineRule="auto"/>
              <w:ind w:right="354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истема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ополнительного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образования</w:t>
            </w:r>
          </w:p>
        </w:tc>
        <w:tc>
          <w:tcPr>
            <w:tcW w:w="5953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бот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ружков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кци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списанию</w:t>
            </w:r>
          </w:p>
          <w:p w:rsidR="002A244B" w:rsidRPr="00384111" w:rsidRDefault="002A244B" w:rsidP="00FF60E1">
            <w:pPr>
              <w:spacing w:line="260" w:lineRule="exact"/>
              <w:ind w:right="774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2A244B" w:rsidRPr="00384111" w:rsidRDefault="002A244B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2A244B" w:rsidRPr="00384111" w:rsidRDefault="002A244B" w:rsidP="00FF60E1">
            <w:pPr>
              <w:spacing w:before="18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  <w:p w:rsidR="002A244B" w:rsidRPr="00384111" w:rsidRDefault="002A244B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2A244B" w:rsidRPr="00384111" w:rsidRDefault="002A244B" w:rsidP="00FF60E1">
            <w:pPr>
              <w:spacing w:before="18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4.02.2023</w:t>
            </w:r>
          </w:p>
        </w:tc>
        <w:tc>
          <w:tcPr>
            <w:tcW w:w="2635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дагоги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п.обр.</w:t>
            </w:r>
          </w:p>
          <w:p w:rsidR="002A244B" w:rsidRPr="00384111" w:rsidRDefault="002A244B" w:rsidP="00FF60E1">
            <w:pPr>
              <w:rPr>
                <w:rFonts w:ascii="Times New Roman" w:eastAsia="Times New Roman" w:hAnsi="Times New Roman"/>
                <w:b/>
                <w:sz w:val="26"/>
                <w:lang w:val="ru-RU"/>
              </w:rPr>
            </w:pPr>
          </w:p>
          <w:p w:rsidR="002A244B" w:rsidRPr="00384111" w:rsidRDefault="002A244B" w:rsidP="00FF60E1">
            <w:pPr>
              <w:spacing w:before="18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  <w:tr w:rsidR="002A244B" w:rsidRPr="00384111" w:rsidTr="00FF60E1">
        <w:trPr>
          <w:trHeight w:val="300"/>
        </w:trPr>
        <w:tc>
          <w:tcPr>
            <w:tcW w:w="3145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 w:line="269" w:lineRule="exact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портивно-</w:t>
            </w:r>
          </w:p>
        </w:tc>
        <w:tc>
          <w:tcPr>
            <w:tcW w:w="5953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0A6509" w:rsidRDefault="002A244B" w:rsidP="00FF60E1">
            <w:pPr>
              <w:spacing w:before="3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Веселые</w:t>
            </w:r>
            <w:r w:rsidRPr="000A6509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старты А</w:t>
            </w:r>
            <w:r w:rsidRPr="000A6509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ну-ка,</w:t>
            </w:r>
            <w:r w:rsidRPr="000A6509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парни!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74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4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74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7.02-21.02.2023</w:t>
            </w:r>
          </w:p>
        </w:tc>
        <w:tc>
          <w:tcPr>
            <w:tcW w:w="2635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74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я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физкультуры</w:t>
            </w:r>
          </w:p>
        </w:tc>
      </w:tr>
      <w:tr w:rsidR="002A244B" w:rsidRPr="00384111" w:rsidTr="00FF60E1">
        <w:trPr>
          <w:trHeight w:val="383"/>
        </w:trPr>
        <w:tc>
          <w:tcPr>
            <w:tcW w:w="3145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оздоровительное</w:t>
            </w:r>
          </w:p>
        </w:tc>
        <w:tc>
          <w:tcPr>
            <w:tcW w:w="5953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992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3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27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635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</w:tr>
      <w:tr w:rsidR="002A244B" w:rsidRPr="00384111" w:rsidTr="00FF60E1">
        <w:trPr>
          <w:trHeight w:val="1157"/>
        </w:trPr>
        <w:tc>
          <w:tcPr>
            <w:tcW w:w="314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9" w:line="242" w:lineRule="auto"/>
              <w:ind w:right="196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ессионально-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трудовое и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экономическо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воспитание</w:t>
            </w:r>
          </w:p>
        </w:tc>
        <w:tc>
          <w:tcPr>
            <w:tcW w:w="5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Дежурств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школе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8-11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6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.</w:t>
            </w:r>
          </w:p>
        </w:tc>
      </w:tr>
    </w:tbl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FF60E1">
          <w:pgSz w:w="16840" w:h="11910" w:orient="landscape"/>
          <w:pgMar w:top="560" w:right="760" w:bottom="1080" w:left="880" w:header="0" w:footer="896" w:gutter="0"/>
          <w:cols w:space="720"/>
        </w:sectPr>
      </w:pPr>
    </w:p>
    <w:tbl>
      <w:tblPr>
        <w:tblStyle w:val="TableNormal"/>
        <w:tblW w:w="0" w:type="auto"/>
        <w:tblInd w:w="121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379"/>
        <w:gridCol w:w="6376"/>
        <w:gridCol w:w="1136"/>
        <w:gridCol w:w="2164"/>
        <w:gridCol w:w="2797"/>
      </w:tblGrid>
      <w:tr w:rsidR="002A244B" w:rsidRPr="00384111" w:rsidTr="00FF60E1">
        <w:trPr>
          <w:trHeight w:val="2399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11" w:line="256" w:lineRule="auto"/>
              <w:ind w:right="49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11" w:line="256" w:lineRule="auto"/>
              <w:ind w:right="49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Формировани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>жизнестойкост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чащихся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(профилактика</w:t>
            </w:r>
          </w:p>
          <w:p w:rsidR="002A244B" w:rsidRPr="00384111" w:rsidRDefault="002A244B" w:rsidP="00FF60E1">
            <w:pPr>
              <w:tabs>
                <w:tab w:val="left" w:pos="2240"/>
              </w:tabs>
              <w:spacing w:before="1" w:line="256" w:lineRule="auto"/>
              <w:ind w:right="-1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безнадзорности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ab/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авонарушений,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социально-опасных</w:t>
            </w:r>
          </w:p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явлений)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ет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филактики</w:t>
            </w:r>
          </w:p>
          <w:p w:rsidR="002A244B" w:rsidRPr="00384111" w:rsidRDefault="002A244B" w:rsidP="00FF60E1">
            <w:pPr>
              <w:spacing w:before="21" w:line="259" w:lineRule="auto"/>
              <w:ind w:right="241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 с учащимися «группы риска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ещ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мей СОП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5.02.2023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5" w:line="223" w:lineRule="auto"/>
              <w:ind w:right="-20"/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</w:pPr>
            <w:r w:rsidRPr="000A6509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</w:p>
          <w:p w:rsidR="002A244B" w:rsidRPr="00384111" w:rsidRDefault="002A244B" w:rsidP="00FF60E1">
            <w:pPr>
              <w:spacing w:before="5" w:line="223" w:lineRule="auto"/>
              <w:ind w:right="-2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 по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, </w:t>
            </w:r>
            <w:r w:rsidRPr="000A6509">
              <w:rPr>
                <w:rFonts w:ascii="Times New Roman" w:eastAsia="Times New Roman" w:hAnsi="Times New Roman"/>
                <w:sz w:val="24"/>
                <w:lang w:val="ru-RU"/>
              </w:rPr>
              <w:t>педагог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-психолог.</w:t>
            </w:r>
          </w:p>
          <w:p w:rsidR="002A244B" w:rsidRPr="000A6509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</w:tr>
      <w:tr w:rsidR="002A244B" w:rsidRPr="00384111" w:rsidTr="00FF60E1">
        <w:trPr>
          <w:trHeight w:val="1296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 w:line="256" w:lineRule="auto"/>
              <w:ind w:right="486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Художественно-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эстетическое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онкурс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стро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есни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4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8.02.2023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8.02.202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 w:line="223" w:lineRule="auto"/>
              <w:ind w:right="-2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 по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  <w:p w:rsidR="002A244B" w:rsidRPr="00384111" w:rsidRDefault="002A244B" w:rsidP="00FF60E1">
            <w:pPr>
              <w:spacing w:before="3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Учителя физкультуры</w:t>
            </w:r>
          </w:p>
        </w:tc>
      </w:tr>
      <w:tr w:rsidR="002A244B" w:rsidRPr="00384111" w:rsidTr="00FF60E1">
        <w:trPr>
          <w:trHeight w:val="784"/>
        </w:trPr>
        <w:tc>
          <w:tcPr>
            <w:tcW w:w="14852" w:type="dxa"/>
            <w:gridSpan w:val="5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ind w:right="5301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АРТ</w:t>
            </w:r>
          </w:p>
          <w:p w:rsidR="002A244B" w:rsidRPr="00384111" w:rsidRDefault="002A244B" w:rsidP="00FF60E1">
            <w:pPr>
              <w:spacing w:before="16"/>
              <w:ind w:right="5302"/>
              <w:jc w:val="center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 xml:space="preserve">месяца: </w:t>
            </w:r>
            <w:r w:rsidRPr="00384111">
              <w:rPr>
                <w:rFonts w:ascii="Times New Roman" w:eastAsia="Times New Roman" w:hAnsi="Times New Roman"/>
                <w:sz w:val="24"/>
                <w:u w:val="single"/>
                <w:lang w:val="ru-RU"/>
              </w:rPr>
              <w:t>«Д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u w:val="single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u w:val="single"/>
                <w:lang w:val="ru-RU"/>
              </w:rPr>
              <w:t>здравствуют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u w:val="single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u w:val="single"/>
                <w:lang w:val="ru-RU"/>
              </w:rPr>
              <w:t>науки!»</w:t>
            </w:r>
          </w:p>
        </w:tc>
      </w:tr>
      <w:tr w:rsidR="002A244B" w:rsidRPr="00384111" w:rsidTr="00FF60E1">
        <w:trPr>
          <w:trHeight w:val="779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Календарь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ат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асы,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,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неклассны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роприятия:</w:t>
            </w: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01.03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ждународны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орьбы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ркомание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 наркобизнесом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08.03-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ждународны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женски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</w:p>
          <w:p w:rsidR="002A244B" w:rsidRPr="00384111" w:rsidRDefault="002A244B" w:rsidP="00FF60E1">
            <w:pPr>
              <w:spacing w:before="24" w:line="256" w:lineRule="auto"/>
              <w:ind w:right="1724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8.03-День воссоединения Крыма с Россией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25.03-30.03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 недел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тской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ниги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25.03-30.03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едел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узык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ля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те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юношества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</w:tbl>
    <w:p w:rsidR="002A244B" w:rsidRPr="00384111" w:rsidRDefault="002A244B" w:rsidP="002A244B">
      <w:pPr>
        <w:widowControl w:val="0"/>
        <w:autoSpaceDE w:val="0"/>
        <w:autoSpaceDN w:val="0"/>
        <w:spacing w:before="5" w:after="1" w:line="240" w:lineRule="auto"/>
        <w:rPr>
          <w:rFonts w:ascii="Times New Roman" w:eastAsia="Times New Roman" w:hAnsi="Times New Roman" w:cs="Times New Roman"/>
          <w:b/>
          <w:sz w:val="26"/>
          <w:szCs w:val="28"/>
        </w:rPr>
      </w:pPr>
    </w:p>
    <w:tbl>
      <w:tblPr>
        <w:tblStyle w:val="TableNormal"/>
        <w:tblW w:w="0" w:type="auto"/>
        <w:tblInd w:w="121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379"/>
        <w:gridCol w:w="6376"/>
        <w:gridCol w:w="1136"/>
        <w:gridCol w:w="2164"/>
        <w:gridCol w:w="2797"/>
      </w:tblGrid>
      <w:tr w:rsidR="002A244B" w:rsidRPr="00384111" w:rsidTr="00FF60E1">
        <w:trPr>
          <w:trHeight w:val="300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 w:line="270" w:lineRule="exact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Интеллектуальное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Недел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етско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ниги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в.библиотекой</w:t>
            </w:r>
          </w:p>
        </w:tc>
      </w:tr>
      <w:tr w:rsidR="002A244B" w:rsidRPr="00384111" w:rsidTr="00FF60E1">
        <w:trPr>
          <w:trHeight w:val="296"/>
        </w:trPr>
        <w:tc>
          <w:tcPr>
            <w:tcW w:w="2379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637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3" w:line="273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онкурс «Читаем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исуем»</w:t>
            </w:r>
          </w:p>
        </w:tc>
        <w:tc>
          <w:tcPr>
            <w:tcW w:w="113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3" w:line="273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4</w:t>
            </w:r>
          </w:p>
        </w:tc>
        <w:tc>
          <w:tcPr>
            <w:tcW w:w="2164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797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</w:tr>
      <w:tr w:rsidR="002A244B" w:rsidRPr="00384111" w:rsidTr="00FF60E1">
        <w:trPr>
          <w:trHeight w:val="298"/>
        </w:trPr>
        <w:tc>
          <w:tcPr>
            <w:tcW w:w="2379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637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7" w:line="272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нижная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ставка «Добры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ир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юбимых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ниг»</w:t>
            </w:r>
          </w:p>
        </w:tc>
        <w:tc>
          <w:tcPr>
            <w:tcW w:w="113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7" w:line="272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797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</w:tr>
      <w:tr w:rsidR="002A244B" w:rsidRPr="00384111" w:rsidTr="00FF60E1">
        <w:trPr>
          <w:trHeight w:val="297"/>
        </w:trPr>
        <w:tc>
          <w:tcPr>
            <w:tcW w:w="2379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637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 w:line="272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Акция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«Книг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новую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жизнь!»</w:t>
            </w:r>
          </w:p>
        </w:tc>
        <w:tc>
          <w:tcPr>
            <w:tcW w:w="113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 w:line="272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64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797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</w:tr>
      <w:tr w:rsidR="002A244B" w:rsidRPr="00384111" w:rsidTr="00FF60E1">
        <w:trPr>
          <w:trHeight w:val="297"/>
        </w:trPr>
        <w:tc>
          <w:tcPr>
            <w:tcW w:w="2379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637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 w:line="272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гра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утешествие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траницам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юбимых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журналов»</w:t>
            </w:r>
          </w:p>
        </w:tc>
        <w:tc>
          <w:tcPr>
            <w:tcW w:w="1136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 w:line="272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4</w:t>
            </w:r>
          </w:p>
        </w:tc>
        <w:tc>
          <w:tcPr>
            <w:tcW w:w="2164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797" w:type="dxa"/>
            <w:tcBorders>
              <w:top w:val="nil"/>
              <w:left w:val="single" w:sz="4" w:space="0" w:color="000000"/>
              <w:bottom w:val="nil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</w:tr>
      <w:tr w:rsidR="002A244B" w:rsidRPr="00384111" w:rsidTr="00FF60E1">
        <w:trPr>
          <w:trHeight w:val="308"/>
        </w:trPr>
        <w:tc>
          <w:tcPr>
            <w:tcW w:w="2379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6376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икторин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траницам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юбимых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казок»</w:t>
            </w:r>
          </w:p>
        </w:tc>
        <w:tc>
          <w:tcPr>
            <w:tcW w:w="1136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4</w:t>
            </w:r>
          </w:p>
        </w:tc>
        <w:tc>
          <w:tcPr>
            <w:tcW w:w="216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797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</w:rPr>
            </w:pPr>
          </w:p>
        </w:tc>
      </w:tr>
      <w:tr w:rsidR="002A244B" w:rsidRPr="00384111" w:rsidTr="00FF60E1">
        <w:trPr>
          <w:trHeight w:val="302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 w:line="269" w:lineRule="exact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Гражданско-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tabs>
                <w:tab w:val="left" w:pos="6259"/>
              </w:tabs>
              <w:spacing w:before="8" w:line="274" w:lineRule="exact"/>
              <w:ind w:right="-1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Классные  </w:t>
            </w:r>
            <w:r w:rsidRPr="00384111">
              <w:rPr>
                <w:rFonts w:ascii="Times New Roman" w:eastAsia="Times New Roman" w:hAnsi="Times New Roman"/>
                <w:spacing w:val="1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часы,  </w:t>
            </w:r>
            <w:r w:rsidRPr="00384111">
              <w:rPr>
                <w:rFonts w:ascii="Times New Roman" w:eastAsia="Times New Roman" w:hAnsi="Times New Roman"/>
                <w:spacing w:val="1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беседы,  </w:t>
            </w:r>
            <w:r w:rsidRPr="00384111">
              <w:rPr>
                <w:rFonts w:ascii="Times New Roman" w:eastAsia="Times New Roman" w:hAnsi="Times New Roman"/>
                <w:spacing w:val="1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внеклассные  </w:t>
            </w:r>
            <w:r w:rsidRPr="00384111">
              <w:rPr>
                <w:rFonts w:ascii="Times New Roman" w:eastAsia="Times New Roman" w:hAnsi="Times New Roman"/>
                <w:spacing w:val="16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мероприятия 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74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74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74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306"/>
        </w:trPr>
        <w:tc>
          <w:tcPr>
            <w:tcW w:w="2379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патриотическое</w:t>
            </w:r>
          </w:p>
        </w:tc>
        <w:tc>
          <w:tcPr>
            <w:tcW w:w="6376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3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ответстви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алендарем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амятных дат</w:t>
            </w:r>
          </w:p>
        </w:tc>
        <w:tc>
          <w:tcPr>
            <w:tcW w:w="1136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64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797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lang w:val="ru-RU"/>
              </w:rPr>
            </w:pPr>
          </w:p>
        </w:tc>
      </w:tr>
    </w:tbl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</w:rPr>
        <w:sectPr w:rsidR="002A244B" w:rsidRPr="00384111" w:rsidSect="0058444A">
          <w:pgSz w:w="16840" w:h="11910" w:orient="landscape"/>
          <w:pgMar w:top="560" w:right="760" w:bottom="1080" w:left="880" w:header="0" w:footer="896" w:gutter="0"/>
          <w:cols w:space="720"/>
          <w:titlePg/>
          <w:docGrid w:linePitch="299"/>
        </w:sectPr>
      </w:pPr>
    </w:p>
    <w:tbl>
      <w:tblPr>
        <w:tblStyle w:val="TableNormal"/>
        <w:tblW w:w="0" w:type="auto"/>
        <w:tblInd w:w="121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578"/>
        <w:gridCol w:w="6177"/>
        <w:gridCol w:w="1136"/>
        <w:gridCol w:w="2164"/>
        <w:gridCol w:w="2797"/>
      </w:tblGrid>
      <w:tr w:rsidR="002A244B" w:rsidRPr="00384111" w:rsidTr="00FF60E1">
        <w:trPr>
          <w:trHeight w:val="830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11" w:line="256" w:lineRule="auto"/>
              <w:ind w:right="754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11" w:line="256" w:lineRule="auto"/>
              <w:ind w:right="75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Духовн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нравственное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tabs>
                <w:tab w:val="left" w:pos="1529"/>
                <w:tab w:val="left" w:pos="3440"/>
                <w:tab w:val="left" w:pos="4964"/>
              </w:tabs>
              <w:spacing w:before="2" w:line="223" w:lineRule="auto"/>
              <w:ind w:right="-15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tabs>
                <w:tab w:val="left" w:pos="1529"/>
                <w:tab w:val="left" w:pos="3440"/>
                <w:tab w:val="left" w:pos="4964"/>
              </w:tabs>
              <w:spacing w:before="2" w:line="223" w:lineRule="auto"/>
              <w:ind w:right="-15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Конкурс праздничных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лакатов,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ab/>
              <w:t>посвященных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ждународному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женскому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ню</w:t>
            </w: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курс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исунков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Милым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рогим!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4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2.03-04.03.2023-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7.03.202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486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амоуправление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кция-конкурс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Неделя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воек»</w:t>
            </w:r>
          </w:p>
          <w:p w:rsidR="002A244B" w:rsidRPr="00384111" w:rsidRDefault="002A244B" w:rsidP="00FF60E1">
            <w:pPr>
              <w:spacing w:before="24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-11</w:t>
            </w:r>
          </w:p>
          <w:p w:rsidR="002A244B" w:rsidRPr="00967146" w:rsidRDefault="002A244B" w:rsidP="00FF60E1">
            <w:pPr>
              <w:spacing w:before="24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9.03-13.03.2023</w:t>
            </w:r>
          </w:p>
          <w:p w:rsidR="002A244B" w:rsidRPr="00967146" w:rsidRDefault="002A244B" w:rsidP="00FF60E1">
            <w:pPr>
              <w:spacing w:before="24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Педагог-организатор</w:t>
            </w:r>
          </w:p>
        </w:tc>
      </w:tr>
      <w:tr w:rsidR="002A244B" w:rsidRPr="00384111" w:rsidTr="00FF60E1">
        <w:trPr>
          <w:trHeight w:val="779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tabs>
                <w:tab w:val="left" w:pos="2269"/>
              </w:tabs>
              <w:spacing w:before="11"/>
              <w:ind w:right="-15"/>
              <w:rPr>
                <w:rFonts w:ascii="Times New Roman" w:eastAsia="Times New Roman" w:hAnsi="Times New Roman"/>
                <w:b/>
                <w:sz w:val="24"/>
              </w:rPr>
            </w:pPr>
            <w:r>
              <w:rPr>
                <w:rFonts w:ascii="Times New Roman" w:eastAsia="Times New Roman" w:hAnsi="Times New Roman"/>
                <w:b/>
                <w:sz w:val="24"/>
              </w:rPr>
              <w:t>Работа</w:t>
            </w: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с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одителями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56" w:lineRule="auto"/>
              <w:ind w:right="177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фориентационная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бота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одителями.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сячник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диации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9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Март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202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56" w:lineRule="auto"/>
              <w:ind w:right="203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едагог-психолог</w:t>
            </w:r>
          </w:p>
        </w:tc>
      </w:tr>
      <w:tr w:rsidR="002A244B" w:rsidRPr="00384111" w:rsidTr="00FF60E1">
        <w:trPr>
          <w:trHeight w:val="785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 w:line="256" w:lineRule="auto"/>
              <w:ind w:right="5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абота</w:t>
            </w:r>
            <w:r w:rsidRPr="00384111">
              <w:rPr>
                <w:rFonts w:ascii="Times New Roman" w:eastAsia="Times New Roman" w:hAnsi="Times New Roman"/>
                <w:b/>
                <w:spacing w:val="-8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с</w:t>
            </w:r>
            <w:r w:rsidRPr="00384111">
              <w:rPr>
                <w:rFonts w:ascii="Times New Roman" w:eastAsia="Times New Roman" w:hAnsi="Times New Roman"/>
                <w:b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классным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руководителями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56" w:lineRule="auto"/>
              <w:ind w:right="16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дагогически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ет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Дети: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х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тересы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суг.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то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ы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 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   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этом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наем?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5.03.202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56" w:lineRule="auto"/>
              <w:ind w:right="-20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меститель директора по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ВР</w:t>
            </w:r>
          </w:p>
        </w:tc>
      </w:tr>
      <w:tr w:rsidR="002A244B" w:rsidRPr="00384111" w:rsidTr="00FF60E1">
        <w:trPr>
          <w:trHeight w:val="606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Экологическое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перация «Кормушка»</w:t>
            </w:r>
            <w:r w:rsidRPr="00384111">
              <w:rPr>
                <w:rFonts w:ascii="Times New Roman" w:eastAsia="Times New Roman" w:hAnsi="Times New Roman"/>
                <w:spacing w:val="-7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Покормит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тиц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имой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5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Ноябрь-апрель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1290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 w:line="256" w:lineRule="auto"/>
              <w:ind w:right="35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истема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ополнительного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образования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Недел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оп.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Образования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6.03-20.03.202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56" w:lineRule="auto"/>
              <w:ind w:right="-2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 по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. Руководители</w:t>
            </w:r>
          </w:p>
          <w:p w:rsidR="002A244B" w:rsidRPr="00384111" w:rsidRDefault="002A244B" w:rsidP="00FF60E1">
            <w:pPr>
              <w:spacing w:line="256" w:lineRule="auto"/>
              <w:ind w:right="4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ружковых объединений,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п.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бразования</w:t>
            </w:r>
          </w:p>
        </w:tc>
      </w:tr>
      <w:tr w:rsidR="002A244B" w:rsidRPr="00384111" w:rsidTr="00FF60E1">
        <w:trPr>
          <w:trHeight w:val="607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портивно-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оздоровительное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еселы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старты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4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3.03.202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Учител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физкультуры</w:t>
            </w:r>
          </w:p>
        </w:tc>
      </w:tr>
      <w:tr w:rsidR="002A244B" w:rsidRPr="00384111" w:rsidTr="00FF60E1">
        <w:trPr>
          <w:trHeight w:val="906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3" w:line="256" w:lineRule="auto"/>
              <w:ind w:right="587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Профилактика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ДТТ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структаж</w:t>
            </w:r>
          </w:p>
          <w:p w:rsidR="002A244B" w:rsidRPr="00384111" w:rsidRDefault="002A244B" w:rsidP="00FF60E1">
            <w:pPr>
              <w:spacing w:before="8" w:line="290" w:lineRule="atLeast"/>
              <w:ind w:right="98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филактическая</w:t>
            </w:r>
            <w:r w:rsidRPr="00384111">
              <w:rPr>
                <w:rFonts w:ascii="Times New Roman" w:eastAsia="Times New Roman" w:hAnsi="Times New Roman"/>
                <w:spacing w:val="5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а</w:t>
            </w:r>
            <w:r w:rsidRPr="00384111">
              <w:rPr>
                <w:rFonts w:ascii="Times New Roman" w:eastAsia="Times New Roman" w:hAnsi="Times New Roman"/>
                <w:spacing w:val="5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Осторожно!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есенний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ед!»+ПДД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8.03-22.03.2023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2.03.202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FF60E1">
        <w:trPr>
          <w:trHeight w:val="1204"/>
        </w:trPr>
        <w:tc>
          <w:tcPr>
            <w:tcW w:w="25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tabs>
                <w:tab w:val="left" w:pos="2172"/>
              </w:tabs>
              <w:spacing w:before="13" w:line="254" w:lineRule="auto"/>
              <w:ind w:right="5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ессиональн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трудовое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ab/>
            </w:r>
            <w:r w:rsidRPr="00384111">
              <w:rPr>
                <w:rFonts w:ascii="Times New Roman" w:eastAsia="Times New Roman" w:hAnsi="Times New Roman"/>
                <w:b/>
                <w:spacing w:val="-4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экономическое</w:t>
            </w:r>
          </w:p>
          <w:p w:rsidR="002A244B" w:rsidRPr="00384111" w:rsidRDefault="002A244B" w:rsidP="00FF60E1">
            <w:pPr>
              <w:spacing w:before="3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оспитание</w:t>
            </w:r>
          </w:p>
        </w:tc>
        <w:tc>
          <w:tcPr>
            <w:tcW w:w="617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56" w:lineRule="auto"/>
              <w:ind w:right="259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 часы по профориентаци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Ярмарк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фессий</w:t>
            </w:r>
          </w:p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руглы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тол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Дороги,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торы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ы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бираем»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икторина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«Загадк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рофессиях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9-11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9-11</w:t>
            </w:r>
          </w:p>
          <w:p w:rsidR="002A244B" w:rsidRPr="00384111" w:rsidRDefault="002A244B" w:rsidP="00FF60E1">
            <w:pPr>
              <w:spacing w:before="23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4</w:t>
            </w:r>
          </w:p>
        </w:tc>
        <w:tc>
          <w:tcPr>
            <w:tcW w:w="216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56" w:lineRule="auto"/>
              <w:ind w:right="253"/>
              <w:jc w:val="both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 течение месяца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 течение месяца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03.03.2023</w:t>
            </w:r>
          </w:p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1.03-15.03</w:t>
            </w:r>
          </w:p>
        </w:tc>
        <w:tc>
          <w:tcPr>
            <w:tcW w:w="279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8" w:line="256" w:lineRule="auto"/>
              <w:ind w:right="203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едагог-психолог</w:t>
            </w:r>
          </w:p>
        </w:tc>
      </w:tr>
    </w:tbl>
    <w:p w:rsidR="002A244B" w:rsidRPr="00384111" w:rsidRDefault="002A244B" w:rsidP="002A244B">
      <w:pPr>
        <w:widowControl w:val="0"/>
        <w:autoSpaceDE w:val="0"/>
        <w:autoSpaceDN w:val="0"/>
        <w:spacing w:before="8" w:after="0" w:line="240" w:lineRule="auto"/>
        <w:rPr>
          <w:rFonts w:ascii="Times New Roman" w:eastAsia="Times New Roman" w:hAnsi="Times New Roman" w:cs="Times New Roman"/>
          <w:b/>
          <w:sz w:val="26"/>
          <w:szCs w:val="28"/>
        </w:rPr>
      </w:pPr>
    </w:p>
    <w:tbl>
      <w:tblPr>
        <w:tblStyle w:val="TableNormal"/>
        <w:tblW w:w="0" w:type="auto"/>
        <w:tblInd w:w="224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379"/>
        <w:gridCol w:w="6378"/>
        <w:gridCol w:w="1133"/>
        <w:gridCol w:w="2163"/>
        <w:gridCol w:w="2798"/>
      </w:tblGrid>
      <w:tr w:rsidR="002A244B" w:rsidRPr="00384111" w:rsidTr="00FF60E1">
        <w:trPr>
          <w:trHeight w:val="1285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</w:rPr>
            </w:pPr>
          </w:p>
        </w:tc>
        <w:tc>
          <w:tcPr>
            <w:tcW w:w="63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5" w:line="223" w:lineRule="auto"/>
              <w:ind w:right="1624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курс рисунков «Моя будущая профессия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нкетирование «Мой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бор»</w:t>
            </w:r>
          </w:p>
          <w:p w:rsidR="002A244B" w:rsidRPr="00384111" w:rsidRDefault="002A244B" w:rsidP="00FF60E1">
            <w:pPr>
              <w:spacing w:before="3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Генеральны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уборки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лассам.</w:t>
            </w:r>
          </w:p>
        </w:tc>
        <w:tc>
          <w:tcPr>
            <w:tcW w:w="11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8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9-11</w:t>
            </w:r>
          </w:p>
        </w:tc>
        <w:tc>
          <w:tcPr>
            <w:tcW w:w="216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1.03-15.03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1.03-15.03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0.03</w:t>
            </w:r>
          </w:p>
        </w:tc>
        <w:tc>
          <w:tcPr>
            <w:tcW w:w="279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</w:rPr>
            </w:pPr>
          </w:p>
        </w:tc>
      </w:tr>
    </w:tbl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FF60E1">
          <w:pgSz w:w="16840" w:h="11910" w:orient="landscape"/>
          <w:pgMar w:top="560" w:right="760" w:bottom="1080" w:left="880" w:header="0" w:footer="896" w:gutter="0"/>
          <w:cols w:space="720"/>
        </w:sectPr>
      </w:pPr>
    </w:p>
    <w:tbl>
      <w:tblPr>
        <w:tblStyle w:val="TableNormal"/>
        <w:tblW w:w="0" w:type="auto"/>
        <w:tblInd w:w="13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900"/>
        <w:gridCol w:w="142"/>
        <w:gridCol w:w="5715"/>
        <w:gridCol w:w="1133"/>
        <w:gridCol w:w="2163"/>
        <w:gridCol w:w="2798"/>
      </w:tblGrid>
      <w:tr w:rsidR="002A244B" w:rsidRPr="00384111" w:rsidTr="00005F93">
        <w:trPr>
          <w:trHeight w:val="2395"/>
        </w:trPr>
        <w:tc>
          <w:tcPr>
            <w:tcW w:w="29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11" w:line="256" w:lineRule="auto"/>
              <w:ind w:right="598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11" w:line="256" w:lineRule="auto"/>
              <w:ind w:right="598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Формировани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>жизнестойкост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чащихся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(профилактика</w:t>
            </w:r>
          </w:p>
          <w:p w:rsidR="002A244B" w:rsidRPr="00384111" w:rsidRDefault="002A244B" w:rsidP="00FF60E1">
            <w:pPr>
              <w:tabs>
                <w:tab w:val="left" w:pos="2169"/>
              </w:tabs>
              <w:spacing w:line="259" w:lineRule="auto"/>
              <w:ind w:right="58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надзорности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ab/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вонарушений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,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социально-опасных</w:t>
            </w:r>
          </w:p>
          <w:p w:rsidR="002A244B" w:rsidRPr="00384111" w:rsidRDefault="002A244B" w:rsidP="00FF60E1">
            <w:pPr>
              <w:spacing w:line="274" w:lineRule="exact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явлений)</w:t>
            </w:r>
          </w:p>
        </w:tc>
        <w:tc>
          <w:tcPr>
            <w:tcW w:w="5857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ет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филактики</w:t>
            </w:r>
          </w:p>
          <w:p w:rsidR="002A244B" w:rsidRPr="00384111" w:rsidRDefault="002A244B" w:rsidP="00FF60E1">
            <w:pPr>
              <w:spacing w:before="21" w:line="256" w:lineRule="auto"/>
              <w:ind w:right="25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 с учащимися «группы риска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ещ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мей СОП</w:t>
            </w:r>
          </w:p>
          <w:p w:rsidR="002A244B" w:rsidRPr="00384111" w:rsidRDefault="002A244B" w:rsidP="00FF60E1">
            <w:pPr>
              <w:spacing w:line="256" w:lineRule="auto"/>
              <w:ind w:right="150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ждународный день борьбы с наркоманией 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ркобизнесом:</w:t>
            </w:r>
          </w:p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*)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пуск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формационно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газеты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*)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ставк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ефератов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Нет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едным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ивычкам!»</w:t>
            </w:r>
          </w:p>
        </w:tc>
        <w:tc>
          <w:tcPr>
            <w:tcW w:w="11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216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9.03.2023</w:t>
            </w:r>
          </w:p>
          <w:p w:rsidR="002A244B" w:rsidRPr="00384111" w:rsidRDefault="002A244B" w:rsidP="00FF60E1">
            <w:pPr>
              <w:spacing w:before="1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  <w:p w:rsidR="002A244B" w:rsidRPr="00384111" w:rsidRDefault="002A244B" w:rsidP="00FF60E1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2A244B" w:rsidRPr="00384111" w:rsidRDefault="002A244B" w:rsidP="00FF60E1">
            <w:pPr>
              <w:spacing w:before="19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2.03.2023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2.03.2023</w:t>
            </w:r>
          </w:p>
        </w:tc>
        <w:tc>
          <w:tcPr>
            <w:tcW w:w="279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005F93">
        <w:trPr>
          <w:trHeight w:val="607"/>
        </w:trPr>
        <w:tc>
          <w:tcPr>
            <w:tcW w:w="29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Художественно-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эстетическое</w:t>
            </w:r>
          </w:p>
        </w:tc>
        <w:tc>
          <w:tcPr>
            <w:tcW w:w="5857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Фотоконкурс «Подари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улыбку</w:t>
            </w:r>
            <w:r w:rsidRPr="00384111">
              <w:rPr>
                <w:rFonts w:ascii="Times New Roman" w:eastAsia="Times New Roman" w:hAnsi="Times New Roman"/>
                <w:spacing w:val="-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иру»</w:t>
            </w:r>
          </w:p>
        </w:tc>
        <w:tc>
          <w:tcPr>
            <w:tcW w:w="11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  <w:p w:rsidR="002A244B" w:rsidRPr="00384111" w:rsidRDefault="002A244B" w:rsidP="00FF60E1">
            <w:pPr>
              <w:spacing w:before="22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9-11</w:t>
            </w:r>
          </w:p>
        </w:tc>
        <w:tc>
          <w:tcPr>
            <w:tcW w:w="216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4.03.2023</w:t>
            </w:r>
          </w:p>
        </w:tc>
        <w:tc>
          <w:tcPr>
            <w:tcW w:w="279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005F93">
        <w:trPr>
          <w:trHeight w:val="779"/>
        </w:trPr>
        <w:tc>
          <w:tcPr>
            <w:tcW w:w="14851" w:type="dxa"/>
            <w:gridSpan w:val="6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ind w:right="4913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АПРЕЛЬ</w:t>
            </w:r>
          </w:p>
          <w:p w:rsidR="002A244B" w:rsidRPr="00384111" w:rsidRDefault="002A244B" w:rsidP="00FF60E1">
            <w:pPr>
              <w:spacing w:before="21"/>
              <w:ind w:right="4917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есяца:</w:t>
            </w:r>
            <w:r w:rsidRPr="00384111">
              <w:rPr>
                <w:rFonts w:ascii="Times New Roman" w:eastAsia="Times New Roman" w:hAnsi="Times New Roman"/>
                <w:b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u w:val="thick"/>
                <w:lang w:val="ru-RU"/>
              </w:rPr>
              <w:t>«Экологический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u w:val="thick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u w:val="thick"/>
                <w:lang w:val="ru-RU"/>
              </w:rPr>
              <w:t>калейдоскоп»</w:t>
            </w:r>
          </w:p>
        </w:tc>
      </w:tr>
      <w:tr w:rsidR="002A244B" w:rsidRPr="00384111" w:rsidTr="00005F93">
        <w:trPr>
          <w:trHeight w:val="906"/>
        </w:trPr>
        <w:tc>
          <w:tcPr>
            <w:tcW w:w="3042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Календарь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ат</w:t>
            </w:r>
          </w:p>
        </w:tc>
        <w:tc>
          <w:tcPr>
            <w:tcW w:w="57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56" w:lineRule="auto"/>
              <w:ind w:right="1087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 часы, беседы, внеклассные мероприятия: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2.04-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смонавтики</w:t>
            </w:r>
          </w:p>
          <w:p w:rsidR="002A244B" w:rsidRPr="00384111" w:rsidRDefault="002A244B" w:rsidP="00FF60E1">
            <w:pPr>
              <w:spacing w:before="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30.04-Тематически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урок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ОБЖ</w:t>
            </w:r>
          </w:p>
        </w:tc>
        <w:tc>
          <w:tcPr>
            <w:tcW w:w="11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79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005F93">
        <w:trPr>
          <w:trHeight w:val="780"/>
        </w:trPr>
        <w:tc>
          <w:tcPr>
            <w:tcW w:w="3042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 w:line="256" w:lineRule="auto"/>
              <w:ind w:right="857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Духовн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нравственное</w:t>
            </w:r>
          </w:p>
        </w:tc>
        <w:tc>
          <w:tcPr>
            <w:tcW w:w="57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онкурс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сочинени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«Экологически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калейдоскоп»</w:t>
            </w:r>
          </w:p>
        </w:tc>
        <w:tc>
          <w:tcPr>
            <w:tcW w:w="11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8.04.2023</w:t>
            </w:r>
          </w:p>
        </w:tc>
        <w:tc>
          <w:tcPr>
            <w:tcW w:w="279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005F93">
        <w:trPr>
          <w:trHeight w:val="780"/>
        </w:trPr>
        <w:tc>
          <w:tcPr>
            <w:tcW w:w="3042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CE7AE7" w:rsidRDefault="002A244B" w:rsidP="00FF60E1">
            <w:pPr>
              <w:spacing w:before="11" w:line="256" w:lineRule="auto"/>
              <w:ind w:right="857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b/>
                <w:sz w:val="24"/>
                <w:lang w:val="ru-RU"/>
              </w:rPr>
              <w:t>Интеллектуальное</w:t>
            </w:r>
          </w:p>
        </w:tc>
        <w:tc>
          <w:tcPr>
            <w:tcW w:w="57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CE7AE7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Научно-практическая конференция </w:t>
            </w:r>
            <w:r w:rsidRPr="00073543">
              <w:rPr>
                <w:rFonts w:ascii="Times New Roman" w:eastAsia="Times New Roman" w:hAnsi="Times New Roman"/>
                <w:b/>
                <w:sz w:val="24"/>
                <w:lang w:val="ru-RU"/>
              </w:rPr>
              <w:t>«Хетагуровские чтения»</w:t>
            </w:r>
          </w:p>
        </w:tc>
        <w:tc>
          <w:tcPr>
            <w:tcW w:w="11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CE7AE7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1-11</w:t>
            </w:r>
          </w:p>
        </w:tc>
        <w:tc>
          <w:tcPr>
            <w:tcW w:w="216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CE7AE7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25.04.2023</w:t>
            </w:r>
          </w:p>
        </w:tc>
        <w:tc>
          <w:tcPr>
            <w:tcW w:w="279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Default="002A244B" w:rsidP="00FF60E1">
            <w:pPr>
              <w:spacing w:line="256" w:lineRule="auto"/>
              <w:ind w:right="29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967146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 по</w:t>
            </w:r>
            <w:r w:rsidRPr="00967146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967146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 </w:t>
            </w:r>
          </w:p>
          <w:p w:rsidR="002A244B" w:rsidRPr="00CE7AE7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</w:tr>
      <w:tr w:rsidR="002A244B" w:rsidRPr="00384111" w:rsidTr="00005F93">
        <w:trPr>
          <w:trHeight w:val="781"/>
        </w:trPr>
        <w:tc>
          <w:tcPr>
            <w:tcW w:w="3042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амоуправление</w:t>
            </w:r>
          </w:p>
        </w:tc>
        <w:tc>
          <w:tcPr>
            <w:tcW w:w="57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D211C9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ейд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верк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нешнег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ида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ащихся</w:t>
            </w:r>
          </w:p>
        </w:tc>
        <w:tc>
          <w:tcPr>
            <w:tcW w:w="11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-11</w:t>
            </w:r>
          </w:p>
        </w:tc>
        <w:tc>
          <w:tcPr>
            <w:tcW w:w="216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8.04-12.04.2023</w:t>
            </w:r>
          </w:p>
        </w:tc>
        <w:tc>
          <w:tcPr>
            <w:tcW w:w="279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2A244B" w:rsidRPr="00384111" w:rsidTr="00005F93">
        <w:trPr>
          <w:trHeight w:val="1179"/>
        </w:trPr>
        <w:tc>
          <w:tcPr>
            <w:tcW w:w="3042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Работа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с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родителями</w:t>
            </w:r>
          </w:p>
        </w:tc>
        <w:tc>
          <w:tcPr>
            <w:tcW w:w="5715" w:type="dxa"/>
            <w:tcBorders>
              <w:top w:val="single" w:sz="12" w:space="0" w:color="F8FBFF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D211C9">
            <w:pPr>
              <w:tabs>
                <w:tab w:val="left" w:pos="3458"/>
              </w:tabs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одительско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свещение –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«</w:t>
            </w:r>
            <w:r w:rsidRPr="00384111">
              <w:rPr>
                <w:rFonts w:ascii="Times New Roman" w:eastAsia="Times New Roman" w:hAnsi="Times New Roman"/>
                <w:sz w:val="24"/>
                <w:shd w:val="clear" w:color="auto" w:fill="F8FBFF"/>
                <w:lang w:val="ru-RU"/>
              </w:rPr>
              <w:t>Основы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shd w:val="clear" w:color="auto" w:fill="F8FBFF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shd w:val="clear" w:color="auto" w:fill="F8FBFF"/>
                <w:lang w:val="ru-RU"/>
              </w:rPr>
              <w:t>семейног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shd w:val="clear" w:color="auto" w:fill="F8FBFF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shd w:val="clear" w:color="auto" w:fill="F8FBFF"/>
                <w:lang w:val="ru-RU"/>
              </w:rPr>
              <w:t>права.</w:t>
            </w:r>
            <w:r w:rsidRPr="00384111">
              <w:rPr>
                <w:rFonts w:ascii="Times New Roman" w:eastAsia="Times New Roman" w:hAnsi="Times New Roman"/>
                <w:spacing w:val="15"/>
                <w:sz w:val="24"/>
                <w:shd w:val="clear" w:color="auto" w:fill="F8FBFF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»</w:t>
            </w:r>
          </w:p>
          <w:p w:rsidR="002A244B" w:rsidRPr="00384111" w:rsidRDefault="002A244B" w:rsidP="00D211C9">
            <w:pPr>
              <w:spacing w:before="21"/>
              <w:ind w:right="2894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 родительские собрания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лану</w:t>
            </w:r>
          </w:p>
        </w:tc>
        <w:tc>
          <w:tcPr>
            <w:tcW w:w="11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line="251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9-11</w:t>
            </w:r>
          </w:p>
          <w:p w:rsidR="002A244B" w:rsidRPr="00CE7AE7" w:rsidRDefault="002A244B" w:rsidP="00FF60E1">
            <w:pPr>
              <w:spacing w:line="268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2A244B" w:rsidRPr="00384111" w:rsidRDefault="002A244B" w:rsidP="00FF60E1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spacing w:line="272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8.04.2023</w:t>
            </w:r>
          </w:p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5.04.2023</w:t>
            </w:r>
          </w:p>
          <w:p w:rsidR="002A244B" w:rsidRPr="00384111" w:rsidRDefault="002A244B" w:rsidP="00FF60E1">
            <w:pPr>
              <w:spacing w:before="10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2A244B" w:rsidRPr="00384111" w:rsidRDefault="002A244B" w:rsidP="00FF60E1">
            <w:pPr>
              <w:rPr>
                <w:rFonts w:ascii="Times New Roman" w:eastAsia="Times New Roman" w:hAnsi="Times New Roman"/>
                <w:sz w:val="24"/>
              </w:rPr>
            </w:pPr>
          </w:p>
        </w:tc>
        <w:tc>
          <w:tcPr>
            <w:tcW w:w="279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Default="002A244B" w:rsidP="00FF60E1">
            <w:pPr>
              <w:spacing w:line="256" w:lineRule="auto"/>
              <w:ind w:right="29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967146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 по</w:t>
            </w:r>
            <w:r w:rsidRPr="00967146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967146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 </w:t>
            </w:r>
          </w:p>
          <w:p w:rsidR="002A244B" w:rsidRPr="00967146" w:rsidRDefault="002A244B" w:rsidP="00FF60E1">
            <w:pPr>
              <w:spacing w:line="256" w:lineRule="auto"/>
              <w:ind w:right="29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дагог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-психолог,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  <w:tr w:rsidR="002A244B" w:rsidRPr="00384111" w:rsidTr="00005F93">
        <w:trPr>
          <w:trHeight w:val="132"/>
        </w:trPr>
        <w:tc>
          <w:tcPr>
            <w:tcW w:w="3042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967146" w:rsidRDefault="002A244B" w:rsidP="00FF60E1">
            <w:pPr>
              <w:spacing w:before="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967146">
              <w:rPr>
                <w:rFonts w:ascii="Times New Roman" w:eastAsia="Times New Roman" w:hAnsi="Times New Roman"/>
                <w:b/>
                <w:sz w:val="24"/>
                <w:lang w:val="ru-RU"/>
              </w:rPr>
              <w:t>Экологическое</w:t>
            </w:r>
          </w:p>
        </w:tc>
        <w:tc>
          <w:tcPr>
            <w:tcW w:w="57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42" w:lineRule="auto"/>
              <w:ind w:right="55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перация «Кормушка» или «Покормите птиц зимой»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ждународны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тиц.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икторины</w:t>
            </w:r>
            <w:r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>.</w:t>
            </w:r>
          </w:p>
          <w:p w:rsidR="002A244B" w:rsidRDefault="002A244B" w:rsidP="00FF60E1">
            <w:pPr>
              <w:spacing w:before="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нкурс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исунков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Мы</w:t>
            </w:r>
            <w:r w:rsidRPr="00384111">
              <w:rPr>
                <w:rFonts w:ascii="Times New Roman" w:eastAsia="Times New Roman" w:hAnsi="Times New Roman"/>
                <w:spacing w:val="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ти твои,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орога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емля!»</w:t>
            </w:r>
          </w:p>
          <w:p w:rsidR="002A244B" w:rsidRPr="00384111" w:rsidRDefault="002A244B" w:rsidP="00FF60E1">
            <w:pPr>
              <w:spacing w:before="2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lastRenderedPageBreak/>
              <w:t>1-5</w:t>
            </w:r>
          </w:p>
          <w:p w:rsidR="002A244B" w:rsidRPr="00384111" w:rsidRDefault="002A244B" w:rsidP="00FF60E1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  <w:p w:rsidR="002A244B" w:rsidRPr="00384111" w:rsidRDefault="002A244B" w:rsidP="00FF60E1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2A244B" w:rsidRPr="00384111" w:rsidRDefault="002A244B" w:rsidP="00FF60E1">
            <w:pPr>
              <w:spacing w:before="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6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 w:line="256" w:lineRule="auto"/>
              <w:ind w:right="444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Ноябрь-апрель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01.04-03.04.2023</w:t>
            </w:r>
          </w:p>
          <w:p w:rsidR="002A244B" w:rsidRPr="00384111" w:rsidRDefault="002A244B" w:rsidP="00FF60E1">
            <w:pPr>
              <w:spacing w:before="215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5.04-19.04.2023</w:t>
            </w:r>
          </w:p>
        </w:tc>
        <w:tc>
          <w:tcPr>
            <w:tcW w:w="279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2A244B" w:rsidRPr="00384111" w:rsidRDefault="002A244B" w:rsidP="00FF60E1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</w:tbl>
    <w:tbl>
      <w:tblPr>
        <w:tblStyle w:val="TableNormal"/>
        <w:tblpPr w:leftFromText="180" w:rightFromText="180" w:vertAnchor="text" w:horzAnchor="margin" w:tblpY="1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379"/>
        <w:gridCol w:w="6373"/>
        <w:gridCol w:w="1140"/>
        <w:gridCol w:w="2144"/>
        <w:gridCol w:w="2815"/>
      </w:tblGrid>
      <w:tr w:rsidR="00005F93" w:rsidRPr="00384111" w:rsidTr="00005F93">
        <w:trPr>
          <w:trHeight w:val="609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lastRenderedPageBreak/>
              <w:t>Спортивно-</w:t>
            </w:r>
          </w:p>
          <w:p w:rsidR="00005F93" w:rsidRPr="00384111" w:rsidRDefault="00005F93" w:rsidP="00005F93">
            <w:pPr>
              <w:spacing w:before="2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оздоровительное</w:t>
            </w:r>
          </w:p>
        </w:tc>
        <w:tc>
          <w:tcPr>
            <w:tcW w:w="63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Default="00005F93" w:rsidP="00005F93">
            <w:pPr>
              <w:rPr>
                <w:rFonts w:ascii="Times New Roman" w:eastAsia="Times New Roman" w:hAnsi="Times New Roman"/>
                <w:sz w:val="24"/>
                <w:szCs w:val="24"/>
                <w:lang w:val="ru-RU"/>
              </w:rPr>
            </w:pPr>
            <w:r w:rsidRPr="003A74BA">
              <w:rPr>
                <w:rFonts w:ascii="Times New Roman" w:eastAsia="Times New Roman" w:hAnsi="Times New Roman"/>
                <w:sz w:val="24"/>
                <w:szCs w:val="24"/>
                <w:lang w:val="ru-RU"/>
              </w:rPr>
              <w:t>Общешкольные соревнования « быстрее,</w:t>
            </w:r>
            <w:r>
              <w:rPr>
                <w:rFonts w:ascii="Times New Roman" w:eastAsia="Times New Roman" w:hAnsi="Times New Roman"/>
                <w:sz w:val="24"/>
                <w:szCs w:val="24"/>
                <w:lang w:val="ru-RU"/>
              </w:rPr>
              <w:t xml:space="preserve"> </w:t>
            </w:r>
            <w:r w:rsidRPr="003A74BA">
              <w:rPr>
                <w:rFonts w:ascii="Times New Roman" w:eastAsia="Times New Roman" w:hAnsi="Times New Roman"/>
                <w:sz w:val="24"/>
                <w:szCs w:val="24"/>
                <w:lang w:val="ru-RU"/>
              </w:rPr>
              <w:t>выше,</w:t>
            </w:r>
            <w:r>
              <w:rPr>
                <w:rFonts w:ascii="Times New Roman" w:eastAsia="Times New Roman" w:hAnsi="Times New Roman"/>
                <w:sz w:val="24"/>
                <w:szCs w:val="24"/>
                <w:lang w:val="ru-RU"/>
              </w:rPr>
              <w:t xml:space="preserve"> </w:t>
            </w:r>
            <w:r w:rsidRPr="003A74BA">
              <w:rPr>
                <w:rFonts w:ascii="Times New Roman" w:eastAsia="Times New Roman" w:hAnsi="Times New Roman"/>
                <w:sz w:val="24"/>
                <w:szCs w:val="24"/>
                <w:lang w:val="ru-RU"/>
              </w:rPr>
              <w:t>сильнее!»</w:t>
            </w:r>
          </w:p>
          <w:p w:rsidR="00005F93" w:rsidRDefault="00005F93" w:rsidP="00005F93">
            <w:pPr>
              <w:rPr>
                <w:rFonts w:ascii="Times New Roman" w:eastAsia="Times New Roman" w:hAnsi="Times New Roman"/>
                <w:sz w:val="24"/>
                <w:szCs w:val="24"/>
                <w:lang w:val="ru-RU"/>
              </w:rPr>
            </w:pPr>
          </w:p>
          <w:p w:rsidR="00005F93" w:rsidRPr="003A74BA" w:rsidRDefault="00005F93" w:rsidP="00005F93">
            <w:pPr>
              <w:rPr>
                <w:rFonts w:ascii="Times New Roman" w:eastAsia="Times New Roman" w:hAnsi="Times New Roman"/>
                <w:sz w:val="24"/>
                <w:szCs w:val="24"/>
                <w:lang w:val="ru-RU"/>
              </w:rPr>
            </w:pPr>
          </w:p>
        </w:tc>
        <w:tc>
          <w:tcPr>
            <w:tcW w:w="11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FF251C" w:rsidRDefault="00005F93" w:rsidP="00005F93">
            <w:pPr>
              <w:rPr>
                <w:rFonts w:ascii="Times New Roman" w:eastAsia="Times New Roman" w:hAnsi="Times New Roman"/>
                <w:lang w:val="ru-RU"/>
              </w:rPr>
            </w:pPr>
            <w:r>
              <w:rPr>
                <w:rFonts w:ascii="Times New Roman" w:eastAsia="Times New Roman" w:hAnsi="Times New Roman"/>
                <w:lang w:val="ru-RU"/>
              </w:rPr>
              <w:t>5-10</w:t>
            </w:r>
          </w:p>
        </w:tc>
        <w:tc>
          <w:tcPr>
            <w:tcW w:w="21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FF251C" w:rsidRDefault="00005F93" w:rsidP="00005F93">
            <w:pPr>
              <w:rPr>
                <w:rFonts w:ascii="Times New Roman" w:eastAsia="Times New Roman" w:hAnsi="Times New Roman"/>
                <w:lang w:val="ru-RU"/>
              </w:rPr>
            </w:pPr>
            <w:r>
              <w:rPr>
                <w:rFonts w:ascii="Times New Roman" w:eastAsia="Times New Roman" w:hAnsi="Times New Roman"/>
                <w:lang w:val="ru-RU"/>
              </w:rPr>
              <w:t>апрель</w:t>
            </w:r>
          </w:p>
        </w:tc>
        <w:tc>
          <w:tcPr>
            <w:tcW w:w="2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FF251C" w:rsidRDefault="00005F93" w:rsidP="00005F93">
            <w:pPr>
              <w:rPr>
                <w:rFonts w:ascii="Times New Roman" w:eastAsia="Times New Roman" w:hAnsi="Times New Roman"/>
                <w:lang w:val="ru-RU"/>
              </w:rPr>
            </w:pPr>
            <w:r>
              <w:rPr>
                <w:rFonts w:ascii="Times New Roman" w:eastAsia="Times New Roman" w:hAnsi="Times New Roman"/>
                <w:lang w:val="ru-RU"/>
              </w:rPr>
              <w:t>Учителя физкультуры</w:t>
            </w:r>
          </w:p>
        </w:tc>
      </w:tr>
      <w:tr w:rsidR="00005F93" w:rsidRPr="00384111" w:rsidTr="00005F93">
        <w:trPr>
          <w:trHeight w:val="606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FF251C" w:rsidRDefault="00005F93" w:rsidP="00005F93">
            <w:pPr>
              <w:spacing w:before="1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илактика</w:t>
            </w:r>
          </w:p>
          <w:p w:rsidR="00005F93" w:rsidRPr="00FF251C" w:rsidRDefault="00005F93" w:rsidP="00005F93">
            <w:pPr>
              <w:spacing w:before="2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b/>
                <w:sz w:val="24"/>
                <w:lang w:val="ru-RU"/>
              </w:rPr>
              <w:t>ДДТТ</w:t>
            </w:r>
          </w:p>
        </w:tc>
        <w:tc>
          <w:tcPr>
            <w:tcW w:w="63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асы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ланам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</w:tc>
        <w:tc>
          <w:tcPr>
            <w:tcW w:w="11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FF251C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1-11</w:t>
            </w:r>
          </w:p>
        </w:tc>
        <w:tc>
          <w:tcPr>
            <w:tcW w:w="21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FF251C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FF251C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течение</w:t>
            </w:r>
            <w:r w:rsidRPr="00FF251C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месяца</w:t>
            </w:r>
          </w:p>
        </w:tc>
        <w:tc>
          <w:tcPr>
            <w:tcW w:w="2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FF251C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FF251C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</w:tc>
      </w:tr>
      <w:tr w:rsidR="00005F93" w:rsidRPr="00384111" w:rsidTr="00005F93">
        <w:trPr>
          <w:trHeight w:val="1204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13" w:line="256" w:lineRule="auto"/>
              <w:ind w:right="213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ессионально-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трудовое и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экономическое</w:t>
            </w:r>
          </w:p>
          <w:p w:rsidR="00005F93" w:rsidRPr="00384111" w:rsidRDefault="00005F93" w:rsidP="00005F93">
            <w:pPr>
              <w:spacing w:line="275" w:lineRule="exact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воспитание</w:t>
            </w:r>
          </w:p>
        </w:tc>
        <w:tc>
          <w:tcPr>
            <w:tcW w:w="63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Ярмарк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рофессий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(ЯМК)</w:t>
            </w:r>
          </w:p>
        </w:tc>
        <w:tc>
          <w:tcPr>
            <w:tcW w:w="11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8-9</w:t>
            </w:r>
          </w:p>
        </w:tc>
        <w:tc>
          <w:tcPr>
            <w:tcW w:w="21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руководители</w:t>
            </w:r>
          </w:p>
        </w:tc>
      </w:tr>
      <w:tr w:rsidR="00005F93" w:rsidRPr="00384111" w:rsidTr="00005F93">
        <w:trPr>
          <w:trHeight w:val="2398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14" w:line="256" w:lineRule="auto"/>
              <w:ind w:right="512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Формировани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>жизнестойкост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чащихся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(профилактика</w:t>
            </w:r>
          </w:p>
          <w:p w:rsidR="00005F93" w:rsidRPr="00384111" w:rsidRDefault="00005F93" w:rsidP="00005F93">
            <w:pPr>
              <w:tabs>
                <w:tab w:val="left" w:pos="2174"/>
              </w:tabs>
              <w:spacing w:line="259" w:lineRule="auto"/>
              <w:ind w:right="54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надзорности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ab/>
            </w:r>
            <w:r w:rsidRPr="00384111">
              <w:rPr>
                <w:rFonts w:ascii="Times New Roman" w:eastAsia="Times New Roman" w:hAnsi="Times New Roman"/>
                <w:b/>
                <w:spacing w:val="-4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вонарушений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,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социально-опасных</w:t>
            </w:r>
          </w:p>
          <w:p w:rsidR="00005F93" w:rsidRPr="00384111" w:rsidRDefault="00005F93" w:rsidP="00005F93">
            <w:pPr>
              <w:spacing w:line="274" w:lineRule="exact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явлений)</w:t>
            </w:r>
          </w:p>
        </w:tc>
        <w:tc>
          <w:tcPr>
            <w:tcW w:w="63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ет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филактики</w:t>
            </w:r>
          </w:p>
          <w:p w:rsidR="00005F93" w:rsidRPr="00384111" w:rsidRDefault="00005F93" w:rsidP="00005F93">
            <w:pPr>
              <w:spacing w:before="21" w:line="256" w:lineRule="auto"/>
              <w:ind w:right="2430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 с учащимися «группы риска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ещ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мей СОП</w:t>
            </w:r>
          </w:p>
          <w:p w:rsidR="00005F93" w:rsidRPr="00384111" w:rsidRDefault="00005F93" w:rsidP="00005F93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Диагностика</w:t>
            </w:r>
          </w:p>
        </w:tc>
        <w:tc>
          <w:tcPr>
            <w:tcW w:w="11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384111" w:rsidRDefault="00005F93" w:rsidP="00005F93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1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9.04.2023</w:t>
            </w:r>
          </w:p>
          <w:p w:rsidR="00005F93" w:rsidRPr="00384111" w:rsidRDefault="00005F93" w:rsidP="00005F93">
            <w:pPr>
              <w:spacing w:before="21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</w:p>
        </w:tc>
        <w:tc>
          <w:tcPr>
            <w:tcW w:w="2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Default="00005F93" w:rsidP="00005F93">
            <w:pPr>
              <w:spacing w:before="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  <w:p w:rsidR="00005F93" w:rsidRPr="00FF251C" w:rsidRDefault="00005F93" w:rsidP="00005F93">
            <w:pPr>
              <w:spacing w:before="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64014D">
              <w:rPr>
                <w:rFonts w:ascii="Times New Roman" w:eastAsia="Times New Roman" w:hAnsi="Times New Roman"/>
                <w:sz w:val="24"/>
                <w:lang w:val="ru-RU"/>
              </w:rPr>
              <w:t>Педагог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-психолог</w:t>
            </w:r>
          </w:p>
        </w:tc>
      </w:tr>
      <w:tr w:rsidR="00005F93" w:rsidRPr="00384111" w:rsidTr="00005F93">
        <w:trPr>
          <w:trHeight w:val="779"/>
        </w:trPr>
        <w:tc>
          <w:tcPr>
            <w:tcW w:w="14851" w:type="dxa"/>
            <w:gridSpan w:val="5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11"/>
              <w:ind w:right="4908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АЙ</w:t>
            </w:r>
          </w:p>
          <w:p w:rsidR="00005F93" w:rsidRPr="00384111" w:rsidRDefault="00005F93" w:rsidP="00005F93">
            <w:pPr>
              <w:spacing w:before="21"/>
              <w:ind w:right="4916"/>
              <w:jc w:val="center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есяца: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«Память.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Семья.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Победа»</w:t>
            </w:r>
          </w:p>
        </w:tc>
      </w:tr>
      <w:tr w:rsidR="00005F93" w:rsidRPr="00384111" w:rsidTr="00005F93">
        <w:trPr>
          <w:trHeight w:val="1849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Календарь</w:t>
            </w:r>
            <w:r w:rsidRPr="00384111">
              <w:rPr>
                <w:rFonts w:ascii="Times New Roman" w:eastAsia="Times New Roman" w:hAnsi="Times New Roman"/>
                <w:b/>
                <w:spacing w:val="-6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дат</w:t>
            </w:r>
          </w:p>
        </w:tc>
        <w:tc>
          <w:tcPr>
            <w:tcW w:w="63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асы,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:</w:t>
            </w:r>
          </w:p>
          <w:p w:rsidR="00005F93" w:rsidRPr="00384111" w:rsidRDefault="00005F93" w:rsidP="00005F93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7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а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адио</w:t>
            </w:r>
          </w:p>
          <w:p w:rsidR="00005F93" w:rsidRPr="00384111" w:rsidRDefault="00005F93" w:rsidP="00005F93">
            <w:pPr>
              <w:spacing w:before="21" w:line="256" w:lineRule="auto"/>
              <w:ind w:right="410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9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а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беды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5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а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мьи</w:t>
            </w:r>
          </w:p>
          <w:p w:rsidR="00005F93" w:rsidRDefault="00005F93" w:rsidP="00005F93">
            <w:pPr>
              <w:spacing w:line="256" w:lineRule="auto"/>
              <w:ind w:right="85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24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ая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–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лавянско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ультуры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исьменност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22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ая – Линейка «Последни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вонок»</w:t>
            </w:r>
          </w:p>
          <w:p w:rsidR="00005F93" w:rsidRPr="00384111" w:rsidRDefault="00005F93" w:rsidP="00005F93">
            <w:pPr>
              <w:spacing w:line="256" w:lineRule="auto"/>
              <w:ind w:right="855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ланам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ВР</w:t>
            </w:r>
          </w:p>
          <w:p w:rsidR="00005F93" w:rsidRPr="00384111" w:rsidRDefault="00005F93" w:rsidP="00005F93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005F93" w:rsidRPr="00384111" w:rsidRDefault="00005F93" w:rsidP="00005F93">
            <w:pPr>
              <w:rPr>
                <w:rFonts w:ascii="Times New Roman" w:eastAsia="Times New Roman" w:hAnsi="Times New Roman"/>
                <w:b/>
                <w:sz w:val="26"/>
              </w:rPr>
            </w:pPr>
          </w:p>
          <w:p w:rsidR="00005F93" w:rsidRPr="00384111" w:rsidRDefault="00005F93" w:rsidP="00005F93">
            <w:pPr>
              <w:spacing w:before="10"/>
              <w:rPr>
                <w:rFonts w:ascii="Times New Roman" w:eastAsia="Times New Roman" w:hAnsi="Times New Roman"/>
                <w:b/>
                <w:sz w:val="34"/>
              </w:rPr>
            </w:pPr>
          </w:p>
          <w:p w:rsidR="00005F93" w:rsidRPr="00384111" w:rsidRDefault="00005F93" w:rsidP="00005F93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2.05.2023</w:t>
            </w:r>
          </w:p>
        </w:tc>
        <w:tc>
          <w:tcPr>
            <w:tcW w:w="2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  <w:p w:rsidR="00005F93" w:rsidRPr="00384111" w:rsidRDefault="00005F93" w:rsidP="00005F93">
            <w:pPr>
              <w:spacing w:before="1" w:line="290" w:lineRule="atLeast"/>
              <w:ind w:right="3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</w:p>
        </w:tc>
      </w:tr>
    </w:tbl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FF60E1">
          <w:pgSz w:w="16840" w:h="11910" w:orient="landscape"/>
          <w:pgMar w:top="560" w:right="760" w:bottom="1080" w:left="880" w:header="0" w:footer="896" w:gutter="0"/>
          <w:cols w:space="720"/>
        </w:sectPr>
      </w:pPr>
    </w:p>
    <w:tbl>
      <w:tblPr>
        <w:tblStyle w:val="TableNormal"/>
        <w:tblpPr w:leftFromText="180" w:rightFromText="180" w:vertAnchor="text" w:horzAnchor="margin" w:tblpY="414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379"/>
        <w:gridCol w:w="6373"/>
        <w:gridCol w:w="1140"/>
        <w:gridCol w:w="2144"/>
        <w:gridCol w:w="2815"/>
      </w:tblGrid>
      <w:tr w:rsidR="00005F93" w:rsidRPr="00384111" w:rsidTr="00005F93">
        <w:trPr>
          <w:trHeight w:val="1540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Default="00005F93" w:rsidP="00005F93">
            <w:pPr>
              <w:spacing w:before="11" w:line="256" w:lineRule="auto"/>
              <w:ind w:right="33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005F93" w:rsidRPr="00384111" w:rsidRDefault="00005F93" w:rsidP="00005F93">
            <w:pPr>
              <w:spacing w:before="11" w:line="256" w:lineRule="auto"/>
              <w:ind w:right="33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Гражданск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атриотическое</w:t>
            </w:r>
            <w:r w:rsidRPr="00384111">
              <w:rPr>
                <w:rFonts w:ascii="Times New Roman" w:eastAsia="Times New Roman" w:hAnsi="Times New Roman"/>
                <w:b/>
                <w:spacing w:val="-1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равово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воспитание</w:t>
            </w:r>
          </w:p>
        </w:tc>
        <w:tc>
          <w:tcPr>
            <w:tcW w:w="63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Default="00005F93" w:rsidP="00005F93">
            <w:pPr>
              <w:spacing w:line="26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005F93" w:rsidRPr="00384111" w:rsidRDefault="00005F93" w:rsidP="00005F93">
            <w:pPr>
              <w:spacing w:line="265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ахта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амяти</w:t>
            </w:r>
          </w:p>
          <w:p w:rsidR="00005F93" w:rsidRPr="00384111" w:rsidRDefault="00005F93" w:rsidP="00005F93">
            <w:pPr>
              <w:spacing w:before="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зднование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ня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беды:</w:t>
            </w:r>
          </w:p>
          <w:p w:rsidR="00005F93" w:rsidRPr="00384111" w:rsidRDefault="00005F93" w:rsidP="00005F93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-Акция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Бессмертный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лк»</w:t>
            </w:r>
          </w:p>
          <w:p w:rsidR="00005F93" w:rsidRPr="00384111" w:rsidRDefault="00005F93" w:rsidP="00005F93">
            <w:pPr>
              <w:spacing w:before="22" w:line="256" w:lineRule="auto"/>
              <w:ind w:right="647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- Фестиваль инсценированной военно-патриотической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сни</w:t>
            </w:r>
          </w:p>
        </w:tc>
        <w:tc>
          <w:tcPr>
            <w:tcW w:w="11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Default="00005F93" w:rsidP="00005F93">
            <w:pPr>
              <w:spacing w:before="2" w:line="223" w:lineRule="auto"/>
              <w:ind w:right="37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005F93" w:rsidRDefault="00005F93" w:rsidP="00005F93">
            <w:pPr>
              <w:spacing w:before="2" w:line="223" w:lineRule="auto"/>
              <w:ind w:right="37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005F93" w:rsidRPr="00384111" w:rsidRDefault="00005F93" w:rsidP="00005F93">
            <w:pPr>
              <w:spacing w:before="2" w:line="223" w:lineRule="auto"/>
              <w:ind w:right="37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олонтер</w:t>
            </w:r>
            <w:r w:rsidRPr="00384111">
              <w:rPr>
                <w:rFonts w:ascii="Times New Roman" w:eastAsia="Times New Roman" w:hAnsi="Times New Roman"/>
                <w:spacing w:val="-58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ы</w:t>
            </w:r>
          </w:p>
          <w:p w:rsidR="00005F93" w:rsidRPr="00384111" w:rsidRDefault="00005F93" w:rsidP="00005F93">
            <w:pPr>
              <w:spacing w:before="5"/>
              <w:rPr>
                <w:rFonts w:ascii="Times New Roman" w:eastAsia="Times New Roman" w:hAnsi="Times New Roman"/>
                <w:b/>
              </w:rPr>
            </w:pPr>
          </w:p>
          <w:p w:rsidR="00005F93" w:rsidRPr="00384111" w:rsidRDefault="00005F93" w:rsidP="00005F93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Default="00005F93" w:rsidP="00005F93">
            <w:pPr>
              <w:spacing w:before="6" w:line="444" w:lineRule="auto"/>
              <w:ind w:right="246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005F93" w:rsidRPr="00384111" w:rsidRDefault="00005F93" w:rsidP="00005F93">
            <w:pPr>
              <w:spacing w:before="6" w:line="444" w:lineRule="auto"/>
              <w:ind w:right="24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В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сяц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09.05.2023</w:t>
            </w:r>
          </w:p>
          <w:p w:rsidR="00005F93" w:rsidRPr="00384111" w:rsidRDefault="00005F93" w:rsidP="00005F93">
            <w:pPr>
              <w:spacing w:before="3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04.-06.05.2023</w:t>
            </w:r>
          </w:p>
        </w:tc>
        <w:tc>
          <w:tcPr>
            <w:tcW w:w="2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Default="00005F93" w:rsidP="00005F93">
            <w:pPr>
              <w:spacing w:before="6" w:line="256" w:lineRule="auto"/>
              <w:ind w:right="322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005F93" w:rsidRDefault="00005F93" w:rsidP="00005F93">
            <w:pPr>
              <w:spacing w:before="6" w:line="256" w:lineRule="auto"/>
              <w:ind w:right="322"/>
              <w:rPr>
                <w:rFonts w:ascii="Times New Roman" w:eastAsia="Times New Roman" w:hAnsi="Times New Roman"/>
                <w:sz w:val="24"/>
                <w:lang w:val="ru-RU"/>
              </w:rPr>
            </w:pPr>
          </w:p>
          <w:p w:rsidR="00005F93" w:rsidRDefault="00005F93" w:rsidP="00005F93">
            <w:pPr>
              <w:spacing w:before="6" w:line="256" w:lineRule="auto"/>
              <w:ind w:right="322"/>
              <w:rPr>
                <w:rFonts w:ascii="Times New Roman" w:eastAsia="Times New Roman" w:hAnsi="Times New Roman"/>
                <w:spacing w:val="60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З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меститель директор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  <w:r w:rsidRPr="00384111">
              <w:rPr>
                <w:rFonts w:ascii="Times New Roman" w:eastAsia="Times New Roman" w:hAnsi="Times New Roman"/>
                <w:spacing w:val="60"/>
                <w:sz w:val="24"/>
                <w:lang w:val="ru-RU"/>
              </w:rPr>
              <w:t xml:space="preserve"> </w:t>
            </w:r>
          </w:p>
          <w:p w:rsidR="00005F93" w:rsidRPr="00384111" w:rsidRDefault="00005F93" w:rsidP="00005F93">
            <w:pPr>
              <w:spacing w:before="6" w:line="256" w:lineRule="auto"/>
              <w:ind w:right="3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FF251C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руководите</w:t>
            </w:r>
            <w:r w:rsidRPr="0064014D">
              <w:rPr>
                <w:rFonts w:ascii="Times New Roman" w:eastAsia="Times New Roman" w:hAnsi="Times New Roman"/>
                <w:sz w:val="24"/>
                <w:lang w:val="ru-RU"/>
              </w:rPr>
              <w:t>ли</w:t>
            </w:r>
          </w:p>
        </w:tc>
      </w:tr>
      <w:tr w:rsidR="00005F93" w:rsidRPr="00384111" w:rsidTr="00005F93">
        <w:trPr>
          <w:trHeight w:val="1278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13" w:line="256" w:lineRule="auto"/>
              <w:ind w:right="77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Духовно-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</w:rPr>
              <w:t>нравственное</w:t>
            </w:r>
          </w:p>
        </w:tc>
        <w:tc>
          <w:tcPr>
            <w:tcW w:w="63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8" w:line="256" w:lineRule="auto"/>
              <w:ind w:right="647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знавательны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ас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Как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ирилл</w:t>
            </w:r>
            <w:r w:rsidRPr="00384111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фодий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азбуку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исали»</w:t>
            </w:r>
            <w:r w:rsidRPr="00384111">
              <w:rPr>
                <w:rFonts w:ascii="Times New Roman" w:eastAsia="Times New Roman" w:hAnsi="Times New Roman"/>
                <w:spacing w:val="-8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ыставк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ниг «Хранители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сског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лова»</w:t>
            </w:r>
          </w:p>
        </w:tc>
        <w:tc>
          <w:tcPr>
            <w:tcW w:w="11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7</w:t>
            </w:r>
          </w:p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005F93" w:rsidRPr="00384111" w:rsidRDefault="00005F93" w:rsidP="00005F93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24.05.2023</w:t>
            </w:r>
          </w:p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b/>
                <w:sz w:val="20"/>
              </w:rPr>
            </w:pPr>
          </w:p>
          <w:p w:rsidR="00005F93" w:rsidRPr="00384111" w:rsidRDefault="00005F93" w:rsidP="00005F93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8.05-22.05.2023</w:t>
            </w:r>
          </w:p>
        </w:tc>
        <w:tc>
          <w:tcPr>
            <w:tcW w:w="2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384111" w:rsidRDefault="00005F93" w:rsidP="00005F93">
            <w:pPr>
              <w:spacing w:before="223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в.библиотекой</w:t>
            </w:r>
          </w:p>
        </w:tc>
      </w:tr>
      <w:tr w:rsidR="00005F93" w:rsidRPr="00384111" w:rsidTr="00005F93">
        <w:trPr>
          <w:trHeight w:val="530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14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амоуправление</w:t>
            </w:r>
          </w:p>
        </w:tc>
        <w:tc>
          <w:tcPr>
            <w:tcW w:w="63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Флешмоб,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освященный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ню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ионерии</w:t>
            </w:r>
          </w:p>
        </w:tc>
        <w:tc>
          <w:tcPr>
            <w:tcW w:w="11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6.05.2023</w:t>
            </w:r>
          </w:p>
        </w:tc>
        <w:tc>
          <w:tcPr>
            <w:tcW w:w="2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меститель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иректора</w:t>
            </w:r>
          </w:p>
          <w:p w:rsidR="00005F93" w:rsidRPr="00384111" w:rsidRDefault="00005F93" w:rsidP="00005F93">
            <w:pPr>
              <w:spacing w:before="9"/>
              <w:rPr>
                <w:rFonts w:ascii="Times New Roman" w:eastAsia="Times New Roman" w:hAnsi="Times New Roman"/>
                <w:sz w:val="24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п</w:t>
            </w:r>
            <w:r w:rsidRPr="00384111">
              <w:rPr>
                <w:rFonts w:ascii="Times New Roman" w:eastAsia="Times New Roman" w:hAnsi="Times New Roman"/>
                <w:sz w:val="24"/>
              </w:rPr>
              <w:t>о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ВР</w:t>
            </w:r>
          </w:p>
        </w:tc>
      </w:tr>
      <w:tr w:rsidR="00005F93" w:rsidRPr="00384111" w:rsidTr="00005F93">
        <w:trPr>
          <w:trHeight w:val="609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11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Экологическое</w:t>
            </w:r>
          </w:p>
        </w:tc>
        <w:tc>
          <w:tcPr>
            <w:tcW w:w="637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Субботник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(по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плану)</w:t>
            </w:r>
          </w:p>
        </w:tc>
        <w:tc>
          <w:tcPr>
            <w:tcW w:w="11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5-11</w:t>
            </w:r>
          </w:p>
        </w:tc>
        <w:tc>
          <w:tcPr>
            <w:tcW w:w="214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384111" w:rsidRDefault="00005F93" w:rsidP="00005F93">
            <w:pPr>
              <w:rPr>
                <w:rFonts w:ascii="Times New Roman" w:eastAsia="Times New Roman" w:hAnsi="Times New Roman"/>
              </w:rPr>
            </w:pPr>
          </w:p>
        </w:tc>
        <w:tc>
          <w:tcPr>
            <w:tcW w:w="2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Заместитель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иректора</w:t>
            </w:r>
          </w:p>
          <w:p w:rsidR="00005F93" w:rsidRPr="00FF251C" w:rsidRDefault="00005F93" w:rsidP="00005F93">
            <w:pPr>
              <w:spacing w:before="21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п</w:t>
            </w:r>
            <w:r w:rsidRPr="00384111">
              <w:rPr>
                <w:rFonts w:ascii="Times New Roman" w:eastAsia="Times New Roman" w:hAnsi="Times New Roman"/>
                <w:sz w:val="24"/>
              </w:rPr>
              <w:t>о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ВР</w:t>
            </w:r>
          </w:p>
        </w:tc>
      </w:tr>
    </w:tbl>
    <w:tbl>
      <w:tblPr>
        <w:tblStyle w:val="TableNormal"/>
        <w:tblpPr w:leftFromText="180" w:rightFromText="180" w:vertAnchor="text" w:horzAnchor="margin" w:tblpY="5721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379"/>
        <w:gridCol w:w="6376"/>
        <w:gridCol w:w="1136"/>
        <w:gridCol w:w="2128"/>
        <w:gridCol w:w="2833"/>
      </w:tblGrid>
      <w:tr w:rsidR="00005F93" w:rsidRPr="00384111" w:rsidTr="00005F93">
        <w:trPr>
          <w:trHeight w:val="609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13"/>
              <w:rPr>
                <w:rFonts w:ascii="Times New Roman" w:eastAsia="Times New Roman" w:hAnsi="Times New Roman"/>
                <w:b/>
                <w:sz w:val="24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Спортивно-</w:t>
            </w:r>
          </w:p>
          <w:p w:rsidR="00005F93" w:rsidRDefault="00005F93" w:rsidP="00005F93">
            <w:pPr>
              <w:spacing w:before="22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</w:rPr>
              <w:t>Оздоровительное</w:t>
            </w:r>
          </w:p>
          <w:p w:rsidR="00005F93" w:rsidRPr="00B86DB3" w:rsidRDefault="00005F93" w:rsidP="00005F93">
            <w:pPr>
              <w:spacing w:before="22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Месячник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антинаркотических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мероприятий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2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Апрель-май</w:t>
            </w:r>
            <w:r w:rsidRPr="00384111">
              <w:rPr>
                <w:rFonts w:ascii="Times New Roman" w:eastAsia="Times New Roman" w:hAnsi="Times New Roman"/>
                <w:spacing w:val="57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2023</w:t>
            </w:r>
          </w:p>
        </w:tc>
        <w:tc>
          <w:tcPr>
            <w:tcW w:w="28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FF251C" w:rsidRDefault="00005F93" w:rsidP="00005F93">
            <w:pPr>
              <w:tabs>
                <w:tab w:val="left" w:pos="1222"/>
              </w:tabs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Кл.</w:t>
            </w:r>
            <w:r w:rsidRPr="00FF251C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рук, </w:t>
            </w:r>
            <w:r w:rsidRPr="00FF251C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педагог</w:t>
            </w:r>
          </w:p>
        </w:tc>
      </w:tr>
      <w:tr w:rsidR="00005F93" w:rsidRPr="00384111" w:rsidTr="00005F93">
        <w:trPr>
          <w:trHeight w:val="609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FF251C" w:rsidRDefault="00005F93" w:rsidP="00005F93">
            <w:pPr>
              <w:spacing w:before="13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b/>
                <w:sz w:val="24"/>
                <w:lang w:val="ru-RU"/>
              </w:rPr>
              <w:t>Профилактика</w:t>
            </w:r>
          </w:p>
          <w:p w:rsidR="00005F93" w:rsidRPr="00FF251C" w:rsidRDefault="00005F93" w:rsidP="00005F93">
            <w:pPr>
              <w:spacing w:before="22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b/>
                <w:sz w:val="24"/>
                <w:lang w:val="ru-RU"/>
              </w:rPr>
              <w:t>ДДТТ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Инструктажи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ам</w:t>
            </w:r>
          </w:p>
          <w:p w:rsidR="00005F93" w:rsidRDefault="00005F93" w:rsidP="00005F93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</w:t>
            </w:r>
            <w:r w:rsidRPr="00384111">
              <w:rPr>
                <w:rFonts w:ascii="Times New Roman" w:eastAsia="Times New Roman" w:hAnsi="Times New Roman"/>
                <w:spacing w:val="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«Безопасное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ето»</w:t>
            </w:r>
          </w:p>
          <w:p w:rsidR="00005F93" w:rsidRPr="00384111" w:rsidRDefault="00005F93" w:rsidP="00005F93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FF251C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1-11</w:t>
            </w:r>
          </w:p>
          <w:p w:rsidR="00005F93" w:rsidRPr="00FF251C" w:rsidRDefault="00005F93" w:rsidP="00005F93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1-11</w:t>
            </w:r>
          </w:p>
        </w:tc>
        <w:tc>
          <w:tcPr>
            <w:tcW w:w="212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FF251C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18.05-20.05.2023</w:t>
            </w:r>
          </w:p>
          <w:p w:rsidR="00005F93" w:rsidRPr="00FF251C" w:rsidRDefault="00005F93" w:rsidP="00005F93">
            <w:pPr>
              <w:spacing w:before="2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20.05.2023</w:t>
            </w:r>
          </w:p>
        </w:tc>
        <w:tc>
          <w:tcPr>
            <w:tcW w:w="28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8"/>
              <w:rPr>
                <w:rFonts w:ascii="Times New Roman" w:eastAsia="Times New Roman" w:hAnsi="Times New Roman"/>
                <w:sz w:val="24"/>
              </w:rPr>
            </w:pP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FF251C">
              <w:rPr>
                <w:rFonts w:ascii="Times New Roman" w:eastAsia="Times New Roman" w:hAnsi="Times New Roman"/>
                <w:spacing w:val="-6"/>
                <w:sz w:val="24"/>
                <w:lang w:val="ru-RU"/>
              </w:rPr>
              <w:t xml:space="preserve"> </w:t>
            </w:r>
            <w:r w:rsidRPr="00FF251C">
              <w:rPr>
                <w:rFonts w:ascii="Times New Roman" w:eastAsia="Times New Roman" w:hAnsi="Times New Roman"/>
                <w:sz w:val="24"/>
                <w:lang w:val="ru-RU"/>
              </w:rPr>
              <w:t>руководите</w:t>
            </w:r>
            <w:r w:rsidRPr="00384111">
              <w:rPr>
                <w:rFonts w:ascii="Times New Roman" w:eastAsia="Times New Roman" w:hAnsi="Times New Roman"/>
                <w:sz w:val="24"/>
              </w:rPr>
              <w:t>ли</w:t>
            </w:r>
          </w:p>
        </w:tc>
      </w:tr>
      <w:tr w:rsidR="00005F93" w:rsidRPr="00384111" w:rsidTr="00005F93">
        <w:trPr>
          <w:trHeight w:val="2478"/>
        </w:trPr>
        <w:tc>
          <w:tcPr>
            <w:tcW w:w="23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ind w:right="495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lastRenderedPageBreak/>
              <w:t>Формирование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>жизнестойкост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учащихся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(профилактика</w:t>
            </w:r>
          </w:p>
          <w:p w:rsidR="00005F93" w:rsidRPr="00384111" w:rsidRDefault="00005F93" w:rsidP="00005F93">
            <w:pPr>
              <w:tabs>
                <w:tab w:val="left" w:pos="2174"/>
              </w:tabs>
              <w:spacing w:before="10" w:line="256" w:lineRule="auto"/>
              <w:ind w:right="54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знадзорности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ab/>
            </w:r>
            <w:r w:rsidRPr="00384111">
              <w:rPr>
                <w:rFonts w:ascii="Times New Roman" w:eastAsia="Times New Roman" w:hAnsi="Times New Roman"/>
                <w:b/>
                <w:spacing w:val="-4"/>
                <w:sz w:val="24"/>
                <w:lang w:val="ru-RU"/>
              </w:rPr>
              <w:t>и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авонарушений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,</w:t>
            </w:r>
            <w:r w:rsidRPr="00384111">
              <w:rPr>
                <w:rFonts w:ascii="Times New Roman" w:eastAsia="Times New Roman" w:hAnsi="Times New Roman"/>
                <w:b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социально-опасных</w:t>
            </w:r>
            <w:r w:rsidRPr="00384111">
              <w:rPr>
                <w:rFonts w:ascii="Times New Roman" w:eastAsia="Times New Roman" w:hAnsi="Times New Roman"/>
                <w:b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явлений)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 w:line="259" w:lineRule="auto"/>
              <w:ind w:right="324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часы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ланам</w:t>
            </w:r>
            <w:r w:rsidRPr="00384111">
              <w:rPr>
                <w:rFonts w:ascii="Times New Roman" w:eastAsia="Times New Roman" w:hAnsi="Times New Roman"/>
                <w:spacing w:val="-5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Р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вет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рофилактики</w:t>
            </w:r>
          </w:p>
          <w:p w:rsidR="00005F93" w:rsidRPr="00384111" w:rsidRDefault="00005F93" w:rsidP="00005F93">
            <w:pPr>
              <w:spacing w:line="256" w:lineRule="auto"/>
              <w:ind w:right="241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Беседы с учащимися «группы риска»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осещ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емей СОП</w:t>
            </w:r>
          </w:p>
          <w:p w:rsidR="00005F93" w:rsidRPr="00384111" w:rsidRDefault="00005F93" w:rsidP="00005F93">
            <w:pPr>
              <w:spacing w:line="256" w:lineRule="auto"/>
              <w:ind w:right="174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иагностика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ащихся,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состоящих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учете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ланирова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етнег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тдыха уч.</w:t>
            </w:r>
          </w:p>
          <w:p w:rsidR="00005F93" w:rsidRPr="00384111" w:rsidRDefault="00005F93" w:rsidP="00005F93">
            <w:pPr>
              <w:spacing w:line="275" w:lineRule="exact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День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етского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телефона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</w:rPr>
              <w:t>доверия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/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-11</w:t>
            </w:r>
          </w:p>
        </w:tc>
        <w:tc>
          <w:tcPr>
            <w:tcW w:w="212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005F93" w:rsidRPr="00384111" w:rsidRDefault="00005F93" w:rsidP="00005F93">
            <w:pPr>
              <w:spacing w:before="6" w:line="259" w:lineRule="auto"/>
              <w:ind w:right="215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сяца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18.05.2023</w:t>
            </w:r>
          </w:p>
          <w:p w:rsidR="00005F93" w:rsidRPr="00384111" w:rsidRDefault="00005F93" w:rsidP="00005F93">
            <w:pPr>
              <w:spacing w:line="272" w:lineRule="exact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В</w:t>
            </w:r>
            <w:r w:rsidRPr="00384111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ечение</w:t>
            </w:r>
            <w:r w:rsidRPr="00384111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месяца</w:t>
            </w:r>
          </w:p>
          <w:p w:rsidR="00005F93" w:rsidRPr="00384111" w:rsidRDefault="00005F93" w:rsidP="00005F93">
            <w:pPr>
              <w:rPr>
                <w:rFonts w:ascii="Times New Roman" w:eastAsia="Times New Roman" w:hAnsi="Times New Roman"/>
                <w:sz w:val="24"/>
              </w:rPr>
            </w:pPr>
            <w:r w:rsidRPr="00384111">
              <w:rPr>
                <w:rFonts w:ascii="Times New Roman" w:eastAsia="Times New Roman" w:hAnsi="Times New Roman"/>
                <w:sz w:val="24"/>
              </w:rPr>
              <w:t>17.05.23</w:t>
            </w:r>
          </w:p>
        </w:tc>
        <w:tc>
          <w:tcPr>
            <w:tcW w:w="283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005F93" w:rsidRPr="00384111" w:rsidRDefault="00005F93" w:rsidP="00005F93">
            <w:pPr>
              <w:spacing w:before="6" w:line="259" w:lineRule="auto"/>
              <w:ind w:right="22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Зам.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>Директора по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 xml:space="preserve"> ВР</w:t>
            </w:r>
          </w:p>
          <w:p w:rsidR="00005F93" w:rsidRPr="00384111" w:rsidRDefault="00005F93" w:rsidP="00005F93">
            <w:pPr>
              <w:spacing w:line="256" w:lineRule="auto"/>
              <w:ind w:right="84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Педагог-психолог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</w:p>
        </w:tc>
      </w:tr>
    </w:tbl>
    <w:tbl>
      <w:tblPr>
        <w:tblStyle w:val="TableNormal"/>
        <w:tblpPr w:leftFromText="180" w:rightFromText="180" w:vertAnchor="text" w:horzAnchor="margin" w:tblpY="3788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/>
      </w:tblPr>
      <w:tblGrid>
        <w:gridCol w:w="2379"/>
        <w:gridCol w:w="6376"/>
        <w:gridCol w:w="1136"/>
        <w:gridCol w:w="2128"/>
        <w:gridCol w:w="2833"/>
      </w:tblGrid>
      <w:tr w:rsidR="00CF405C" w:rsidRPr="00384111" w:rsidTr="00CF405C">
        <w:trPr>
          <w:trHeight w:val="770"/>
        </w:trPr>
        <w:tc>
          <w:tcPr>
            <w:tcW w:w="14852" w:type="dxa"/>
            <w:gridSpan w:val="5"/>
            <w:tcBorders>
              <w:top w:val="single" w:sz="4" w:space="0" w:color="000000"/>
              <w:left w:val="single" w:sz="4" w:space="0" w:color="000000"/>
              <w:bottom w:val="single" w:sz="12" w:space="0" w:color="F3F3F3"/>
              <w:right w:val="single" w:sz="4" w:space="0" w:color="000000"/>
            </w:tcBorders>
            <w:hideMark/>
          </w:tcPr>
          <w:p w:rsidR="00CF405C" w:rsidRDefault="00CF405C" w:rsidP="00CF405C">
            <w:pPr>
              <w:spacing w:before="11"/>
              <w:ind w:right="5302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CF405C" w:rsidRPr="00384111" w:rsidRDefault="00CF405C" w:rsidP="00CF405C">
            <w:pPr>
              <w:spacing w:before="11"/>
              <w:ind w:right="5302"/>
              <w:jc w:val="center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ИЮНЬ</w:t>
            </w:r>
          </w:p>
          <w:p w:rsidR="00CF405C" w:rsidRDefault="00CF405C" w:rsidP="00CF405C">
            <w:pPr>
              <w:spacing w:before="2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</w:p>
          <w:p w:rsidR="00CF405C" w:rsidRPr="00384111" w:rsidRDefault="00CF405C" w:rsidP="00CF405C">
            <w:pPr>
              <w:spacing w:before="21"/>
              <w:rPr>
                <w:rFonts w:ascii="Times New Roman" w:eastAsia="Times New Roman" w:hAnsi="Times New Roman"/>
                <w:b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Девиз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месяца:</w:t>
            </w:r>
            <w:r w:rsidRPr="00384111">
              <w:rPr>
                <w:rFonts w:ascii="Times New Roman" w:eastAsia="Times New Roman" w:hAnsi="Times New Roman"/>
                <w:b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«Лето с</w:t>
            </w:r>
            <w:r w:rsidRPr="00384111">
              <w:rPr>
                <w:rFonts w:ascii="Times New Roman" w:eastAsia="Times New Roman" w:hAnsi="Times New Roman"/>
                <w:b/>
                <w:spacing w:val="-2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b/>
                <w:sz w:val="24"/>
                <w:lang w:val="ru-RU"/>
              </w:rPr>
              <w:t>пользой»</w:t>
            </w:r>
          </w:p>
        </w:tc>
      </w:tr>
      <w:tr w:rsidR="00CF405C" w:rsidRPr="00384111" w:rsidTr="00CF405C">
        <w:trPr>
          <w:trHeight w:val="1491"/>
        </w:trPr>
        <w:tc>
          <w:tcPr>
            <w:tcW w:w="2379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single" w:sz="4" w:space="0" w:color="000000"/>
            </w:tcBorders>
            <w:shd w:val="clear" w:color="auto" w:fill="F3F3F3"/>
            <w:hideMark/>
          </w:tcPr>
          <w:p w:rsidR="00CF405C" w:rsidRPr="00384111" w:rsidRDefault="00CF405C" w:rsidP="00CF405C">
            <w:pPr>
              <w:spacing w:line="256" w:lineRule="auto"/>
              <w:ind w:right="652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Организация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>общешкольных</w:t>
            </w:r>
            <w:r w:rsidRPr="00384111">
              <w:rPr>
                <w:rFonts w:ascii="Times New Roman" w:eastAsia="Times New Roman" w:hAnsi="Times New Roman"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оллективных</w:t>
            </w: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творческих</w:t>
            </w:r>
            <w:r w:rsidRPr="00384111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дел</w:t>
            </w:r>
          </w:p>
        </w:tc>
        <w:tc>
          <w:tcPr>
            <w:tcW w:w="637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CF405C" w:rsidRPr="00CE7AE7" w:rsidRDefault="00CF405C" w:rsidP="00CF405C">
            <w:pPr>
              <w:spacing w:line="259" w:lineRule="auto"/>
              <w:ind w:right="380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CE7AE7">
              <w:rPr>
                <w:rFonts w:ascii="Times New Roman" w:eastAsia="Times New Roman" w:hAnsi="Times New Roman"/>
                <w:sz w:val="24"/>
                <w:lang w:val="ru-RU"/>
              </w:rPr>
              <w:t>Выпускные</w:t>
            </w:r>
            <w:r w:rsidRPr="00CE7AE7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CE7AE7">
              <w:rPr>
                <w:rFonts w:ascii="Times New Roman" w:eastAsia="Times New Roman" w:hAnsi="Times New Roman"/>
                <w:sz w:val="24"/>
                <w:lang w:val="ru-RU"/>
              </w:rPr>
              <w:t>вечера</w:t>
            </w:r>
          </w:p>
          <w:p w:rsidR="00CF405C" w:rsidRPr="00CE7AE7" w:rsidRDefault="00CF405C" w:rsidP="00CF405C">
            <w:pPr>
              <w:tabs>
                <w:tab w:val="left" w:pos="296"/>
              </w:tabs>
              <w:spacing w:line="272" w:lineRule="exact"/>
              <w:rPr>
                <w:rFonts w:ascii="Times New Roman" w:eastAsia="Times New Roman" w:hAnsi="Times New Roman"/>
                <w:lang w:val="ru-RU"/>
              </w:rPr>
            </w:pPr>
            <w:r w:rsidRPr="00CE7AE7">
              <w:rPr>
                <w:rFonts w:ascii="Times New Roman" w:eastAsia="Times New Roman" w:hAnsi="Times New Roman"/>
                <w:sz w:val="24"/>
                <w:lang w:val="ru-RU"/>
              </w:rPr>
              <w:t>Торжественное</w:t>
            </w:r>
            <w:r w:rsidRPr="00CE7AE7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CE7AE7">
              <w:rPr>
                <w:rFonts w:ascii="Times New Roman" w:eastAsia="Times New Roman" w:hAnsi="Times New Roman"/>
                <w:sz w:val="24"/>
                <w:lang w:val="ru-RU"/>
              </w:rPr>
              <w:t>вручение</w:t>
            </w:r>
            <w:r w:rsidRPr="00CE7AE7">
              <w:rPr>
                <w:rFonts w:ascii="Times New Roman" w:eastAsia="Times New Roman" w:hAnsi="Times New Roman"/>
                <w:spacing w:val="-3"/>
                <w:sz w:val="24"/>
                <w:lang w:val="ru-RU"/>
              </w:rPr>
              <w:t xml:space="preserve"> </w:t>
            </w:r>
            <w:r w:rsidRPr="00CE7AE7">
              <w:rPr>
                <w:rFonts w:ascii="Times New Roman" w:eastAsia="Times New Roman" w:hAnsi="Times New Roman"/>
                <w:sz w:val="24"/>
                <w:lang w:val="ru-RU"/>
              </w:rPr>
              <w:t>аттестатов.</w:t>
            </w:r>
            <w:r w:rsidRPr="00CE7AE7">
              <w:rPr>
                <w:rFonts w:ascii="Times New Roman" w:eastAsia="Times New Roman" w:hAnsi="Times New Roman"/>
                <w:spacing w:val="-1"/>
                <w:sz w:val="24"/>
                <w:lang w:val="ru-RU"/>
              </w:rPr>
              <w:t xml:space="preserve"> </w:t>
            </w:r>
            <w:r w:rsidRPr="00CE7AE7">
              <w:rPr>
                <w:rFonts w:ascii="Times New Roman" w:eastAsia="Times New Roman" w:hAnsi="Times New Roman"/>
                <w:sz w:val="24"/>
                <w:lang w:val="ru-RU"/>
              </w:rPr>
              <w:t>9-11класс</w:t>
            </w:r>
          </w:p>
          <w:p w:rsidR="00CF405C" w:rsidRPr="00384111" w:rsidRDefault="00CF405C" w:rsidP="00CF405C">
            <w:pPr>
              <w:tabs>
                <w:tab w:val="left" w:pos="296"/>
              </w:tabs>
              <w:spacing w:before="3" w:line="290" w:lineRule="atLeast"/>
              <w:ind w:right="86"/>
              <w:rPr>
                <w:rFonts w:ascii="Times New Roman" w:eastAsia="Times New Roman" w:hAnsi="Times New Roman"/>
                <w:i/>
                <w:lang w:val="ru-RU"/>
              </w:rPr>
            </w:pPr>
            <w:r w:rsidRPr="00384111">
              <w:rPr>
                <w:rFonts w:ascii="Times New Roman" w:eastAsia="Times New Roman" w:hAnsi="Times New Roman"/>
                <w:i/>
                <w:sz w:val="24"/>
                <w:lang w:val="ru-RU"/>
              </w:rPr>
              <w:t>Праздник, посвященный Дню защиты детей «Счастливое</w:t>
            </w:r>
            <w:r w:rsidRPr="00384111">
              <w:rPr>
                <w:rFonts w:ascii="Times New Roman" w:eastAsia="Times New Roman" w:hAnsi="Times New Roman"/>
                <w:i/>
                <w:spacing w:val="-57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i/>
                <w:sz w:val="24"/>
                <w:lang w:val="ru-RU"/>
              </w:rPr>
              <w:t>детство»</w:t>
            </w:r>
          </w:p>
        </w:tc>
        <w:tc>
          <w:tcPr>
            <w:tcW w:w="113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</w:tcPr>
          <w:p w:rsidR="00CF405C" w:rsidRPr="00384111" w:rsidRDefault="00CF405C" w:rsidP="00CF405C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12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single" w:sz="8" w:space="0" w:color="000000"/>
            </w:tcBorders>
          </w:tcPr>
          <w:p w:rsidR="00CF405C" w:rsidRPr="00384111" w:rsidRDefault="00CF405C" w:rsidP="00CF405C">
            <w:pPr>
              <w:rPr>
                <w:rFonts w:ascii="Times New Roman" w:eastAsia="Times New Roman" w:hAnsi="Times New Roman"/>
                <w:lang w:val="ru-RU"/>
              </w:rPr>
            </w:pPr>
          </w:p>
        </w:tc>
        <w:tc>
          <w:tcPr>
            <w:tcW w:w="2833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CF405C" w:rsidRPr="0064014D" w:rsidRDefault="00CF405C" w:rsidP="00CF405C">
            <w:pPr>
              <w:spacing w:before="6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64014D">
              <w:rPr>
                <w:rFonts w:ascii="Times New Roman" w:eastAsia="Times New Roman" w:hAnsi="Times New Roman"/>
                <w:sz w:val="24"/>
                <w:lang w:val="ru-RU"/>
              </w:rPr>
              <w:t>Заместитель</w:t>
            </w:r>
            <w:r w:rsidRPr="0064014D">
              <w:rPr>
                <w:rFonts w:ascii="Times New Roman" w:eastAsia="Times New Roman" w:hAnsi="Times New Roman"/>
                <w:spacing w:val="-2"/>
                <w:sz w:val="24"/>
                <w:lang w:val="ru-RU"/>
              </w:rPr>
              <w:t xml:space="preserve"> </w:t>
            </w:r>
            <w:r w:rsidRPr="0064014D">
              <w:rPr>
                <w:rFonts w:ascii="Times New Roman" w:eastAsia="Times New Roman" w:hAnsi="Times New Roman"/>
                <w:sz w:val="24"/>
                <w:lang w:val="ru-RU"/>
              </w:rPr>
              <w:t>директора</w:t>
            </w:r>
          </w:p>
          <w:p w:rsidR="00CF405C" w:rsidRDefault="00CF405C" w:rsidP="00CF405C">
            <w:pPr>
              <w:spacing w:line="259" w:lineRule="auto"/>
              <w:ind w:right="219"/>
              <w:rPr>
                <w:rFonts w:ascii="Times New Roman" w:eastAsia="Times New Roman" w:hAnsi="Times New Roman"/>
                <w:sz w:val="24"/>
                <w:lang w:val="ru-RU"/>
              </w:rPr>
            </w:pPr>
            <w:r>
              <w:rPr>
                <w:rFonts w:ascii="Times New Roman" w:eastAsia="Times New Roman" w:hAnsi="Times New Roman"/>
                <w:sz w:val="24"/>
                <w:lang w:val="ru-RU"/>
              </w:rPr>
              <w:t>п</w:t>
            </w:r>
            <w:r w:rsidRPr="0064014D">
              <w:rPr>
                <w:rFonts w:ascii="Times New Roman" w:eastAsia="Times New Roman" w:hAnsi="Times New Roman"/>
                <w:sz w:val="24"/>
                <w:lang w:val="ru-RU"/>
              </w:rPr>
              <w:t>о</w:t>
            </w:r>
            <w:r>
              <w:rPr>
                <w:rFonts w:ascii="Times New Roman" w:eastAsia="Times New Roman" w:hAnsi="Times New Roman"/>
                <w:sz w:val="24"/>
                <w:lang w:val="ru-RU"/>
              </w:rPr>
              <w:t xml:space="preserve"> ВР</w:t>
            </w:r>
          </w:p>
          <w:p w:rsidR="00CF405C" w:rsidRPr="00384111" w:rsidRDefault="00CF405C" w:rsidP="00CF405C">
            <w:pPr>
              <w:spacing w:line="259" w:lineRule="auto"/>
              <w:ind w:right="219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pacing w:val="1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Классные</w:t>
            </w:r>
            <w:r w:rsidRPr="00384111">
              <w:rPr>
                <w:rFonts w:ascii="Times New Roman" w:eastAsia="Times New Roman" w:hAnsi="Times New Roman"/>
                <w:spacing w:val="-9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руководители</w:t>
            </w:r>
          </w:p>
          <w:p w:rsidR="00CF405C" w:rsidRPr="00384111" w:rsidRDefault="00CF405C" w:rsidP="00CF405C">
            <w:pPr>
              <w:spacing w:before="208"/>
              <w:rPr>
                <w:rFonts w:ascii="Times New Roman" w:eastAsia="Times New Roman" w:hAnsi="Times New Roman"/>
                <w:sz w:val="24"/>
                <w:lang w:val="ru-RU"/>
              </w:rPr>
            </w:pP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Начальник</w:t>
            </w:r>
            <w:r w:rsidRPr="00384111">
              <w:rPr>
                <w:rFonts w:ascii="Times New Roman" w:eastAsia="Times New Roman" w:hAnsi="Times New Roman"/>
                <w:spacing w:val="-4"/>
                <w:sz w:val="24"/>
                <w:lang w:val="ru-RU"/>
              </w:rPr>
              <w:t xml:space="preserve"> </w:t>
            </w:r>
            <w:r w:rsidRPr="00384111">
              <w:rPr>
                <w:rFonts w:ascii="Times New Roman" w:eastAsia="Times New Roman" w:hAnsi="Times New Roman"/>
                <w:sz w:val="24"/>
                <w:lang w:val="ru-RU"/>
              </w:rPr>
              <w:t>лагеря</w:t>
            </w:r>
          </w:p>
        </w:tc>
      </w:tr>
    </w:tbl>
    <w:p w:rsidR="002A244B" w:rsidRPr="00384111" w:rsidRDefault="002A244B" w:rsidP="002A244B">
      <w:pPr>
        <w:spacing w:after="0" w:line="240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FF60E1">
          <w:pgSz w:w="16840" w:h="11910" w:orient="landscape"/>
          <w:pgMar w:top="860" w:right="760" w:bottom="1080" w:left="880" w:header="0" w:footer="896" w:gutter="0"/>
          <w:cols w:space="720"/>
        </w:sectPr>
      </w:pPr>
    </w:p>
    <w:p w:rsidR="002A244B" w:rsidRPr="00384111" w:rsidRDefault="002A244B" w:rsidP="002A244B">
      <w:pPr>
        <w:widowControl w:val="0"/>
        <w:autoSpaceDE w:val="0"/>
        <w:autoSpaceDN w:val="0"/>
        <w:spacing w:before="5" w:after="1" w:line="240" w:lineRule="auto"/>
        <w:rPr>
          <w:rFonts w:ascii="Times New Roman" w:eastAsia="Times New Roman" w:hAnsi="Times New Roman" w:cs="Times New Roman"/>
          <w:b/>
          <w:sz w:val="26"/>
          <w:szCs w:val="28"/>
        </w:rPr>
      </w:pPr>
    </w:p>
    <w:p w:rsidR="00CF405C" w:rsidRPr="00085F16" w:rsidRDefault="00CF405C" w:rsidP="00CF405C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CF405C" w:rsidRPr="004F6EA6" w:rsidRDefault="00CF405C" w:rsidP="00CF405C">
      <w:pPr>
        <w:pStyle w:val="1"/>
        <w:rPr>
          <w:lang w:val="ru-RU"/>
        </w:rPr>
      </w:pPr>
      <w:bookmarkStart w:id="27" w:name="_Toc120516865"/>
      <w:r w:rsidRPr="00085F16">
        <w:t>XI</w:t>
      </w:r>
      <w:r w:rsidRPr="004F6EA6">
        <w:rPr>
          <w:lang w:val="ru-RU"/>
        </w:rPr>
        <w:t>. Обеспечение безопасности и совершенствование антитеррористической укрепленности образовательного учреждения</w:t>
      </w:r>
      <w:bookmarkEnd w:id="27"/>
    </w:p>
    <w:p w:rsidR="00CF405C" w:rsidRPr="004F6EA6" w:rsidRDefault="00CF405C" w:rsidP="00CF405C">
      <w:pPr>
        <w:pStyle w:val="2"/>
        <w:rPr>
          <w:lang w:val="ru-RU"/>
        </w:rPr>
      </w:pPr>
      <w:bookmarkStart w:id="28" w:name="_Toc120516866"/>
      <w:r w:rsidRPr="004F6EA6">
        <w:rPr>
          <w:lang w:val="ru-RU"/>
        </w:rPr>
        <w:t>МЕРОПРИЯТИЯ КОМПЛЕКСНОЙ БЕЗОПАСНОСТИ ШКОЛЫ.</w:t>
      </w:r>
      <w:bookmarkEnd w:id="28"/>
    </w:p>
    <w:p w:rsidR="00CF405C" w:rsidRPr="004F6EA6" w:rsidRDefault="00CF405C" w:rsidP="00CF405C">
      <w:pPr>
        <w:pStyle w:val="2"/>
        <w:rPr>
          <w:lang w:val="ru-RU"/>
        </w:rPr>
      </w:pPr>
      <w:bookmarkStart w:id="29" w:name="_Toc120516867"/>
      <w:r w:rsidRPr="004F6EA6">
        <w:rPr>
          <w:lang w:val="ru-RU"/>
        </w:rPr>
        <w:t>1.Нормативно-правовое обеспечение</w:t>
      </w:r>
      <w:bookmarkEnd w:id="29"/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/>
      </w:tblPr>
      <w:tblGrid>
        <w:gridCol w:w="913"/>
        <w:gridCol w:w="9006"/>
        <w:gridCol w:w="2539"/>
        <w:gridCol w:w="2958"/>
      </w:tblGrid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Направление, мероприятия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 исполнения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й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1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Пожарная безопасность</w:t>
            </w:r>
          </w:p>
          <w:p w:rsidR="00CF405C" w:rsidRPr="00085F16" w:rsidRDefault="00CF405C" w:rsidP="009E6940">
            <w:pPr>
              <w:numPr>
                <w:ilvl w:val="0"/>
                <w:numId w:val="5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аличие пакета инструкций по пожарной безопасности в учебных кабинетах</w:t>
            </w:r>
          </w:p>
          <w:p w:rsidR="00CF405C" w:rsidRPr="00085F16" w:rsidRDefault="00CF405C" w:rsidP="009E6940">
            <w:pPr>
              <w:numPr>
                <w:ilvl w:val="0"/>
                <w:numId w:val="5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Наличие поэтажного плана эвакуации при различных очагах возгорания</w:t>
            </w:r>
          </w:p>
          <w:p w:rsidR="00CF405C" w:rsidRPr="00085F16" w:rsidRDefault="00CF405C" w:rsidP="009E6940">
            <w:pPr>
              <w:numPr>
                <w:ilvl w:val="0"/>
                <w:numId w:val="5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ие инструкций:</w:t>
            </w:r>
          </w:p>
          <w:p w:rsidR="00CF405C" w:rsidRPr="00085F16" w:rsidRDefault="00CF405C" w:rsidP="009E6940">
            <w:pPr>
              <w:ind w:left="72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 пожарной безопасности здания школы;</w:t>
            </w:r>
          </w:p>
          <w:p w:rsidR="00CF405C" w:rsidRPr="00085F16" w:rsidRDefault="00CF405C" w:rsidP="009E6940">
            <w:pPr>
              <w:ind w:left="72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 действиям персонала школы при угрозе возникновения пожара;</w:t>
            </w:r>
          </w:p>
          <w:p w:rsidR="00CF405C" w:rsidRPr="00085F16" w:rsidRDefault="00CF405C" w:rsidP="009E6940">
            <w:pPr>
              <w:ind w:left="72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 действию рабочих и служащих при пожаре;</w:t>
            </w:r>
          </w:p>
          <w:p w:rsidR="00CF405C" w:rsidRPr="00085F16" w:rsidRDefault="00CF405C" w:rsidP="009E6940">
            <w:pPr>
              <w:ind w:left="72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 ПБ при проведении сварочных и других огнеопасных работ;</w:t>
            </w:r>
          </w:p>
          <w:p w:rsidR="00CF405C" w:rsidRPr="00085F16" w:rsidRDefault="00CF405C" w:rsidP="009E6940">
            <w:pPr>
              <w:ind w:left="72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пожарной сигнализации</w:t>
            </w:r>
          </w:p>
          <w:p w:rsidR="00CF405C" w:rsidRPr="00085F16" w:rsidRDefault="00CF405C" w:rsidP="009E6940">
            <w:pPr>
              <w:numPr>
                <w:ilvl w:val="0"/>
                <w:numId w:val="6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ие плана эвакуации обучающихся при возникновении пожара</w:t>
            </w:r>
          </w:p>
          <w:p w:rsidR="00CF405C" w:rsidRPr="00085F16" w:rsidRDefault="00CF405C" w:rsidP="009E6940">
            <w:pPr>
              <w:numPr>
                <w:ilvl w:val="0"/>
                <w:numId w:val="6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ие плана тематических мероприятий по изучению правил ППБ</w:t>
            </w:r>
          </w:p>
          <w:p w:rsidR="00CF405C" w:rsidRPr="00085F16" w:rsidRDefault="00CF405C" w:rsidP="009E6940">
            <w:pPr>
              <w:numPr>
                <w:ilvl w:val="0"/>
                <w:numId w:val="6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ключение контрактов на обслуживание и ремонт АПС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актный управляющий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2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Антитеррористическая безопасность</w:t>
            </w:r>
          </w:p>
          <w:p w:rsidR="00CF405C" w:rsidRPr="00085F16" w:rsidRDefault="00CF405C" w:rsidP="009E6940">
            <w:pPr>
              <w:numPr>
                <w:ilvl w:val="0"/>
                <w:numId w:val="7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Корректировка (при необходимости) паспорта антитеррористической защищенности</w:t>
            </w:r>
          </w:p>
          <w:p w:rsidR="00CF405C" w:rsidRPr="00085F16" w:rsidRDefault="00CF405C" w:rsidP="009E6940">
            <w:pPr>
              <w:numPr>
                <w:ilvl w:val="0"/>
                <w:numId w:val="7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ие плана мероприятий по антитеррористической защищенности на календарный год</w:t>
            </w:r>
          </w:p>
          <w:p w:rsidR="00CF405C" w:rsidRPr="00085F16" w:rsidRDefault="00CF405C" w:rsidP="009E6940">
            <w:pPr>
              <w:numPr>
                <w:ilvl w:val="0"/>
                <w:numId w:val="7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здание приказов</w:t>
            </w:r>
          </w:p>
          <w:p w:rsidR="00CF405C" w:rsidRPr="00085F16" w:rsidRDefault="00CF405C" w:rsidP="009E6940">
            <w:pPr>
              <w:ind w:left="72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об обеспечении антитеррористической защищенности обучающихся и работников школы;</w:t>
            </w:r>
          </w:p>
          <w:p w:rsidR="00CF405C" w:rsidRPr="00085F16" w:rsidRDefault="00CF405C" w:rsidP="009E6940">
            <w:pPr>
              <w:ind w:left="72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о назначении ответственных за проведение работы по антитеррористической защищенности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Сентябрь,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январь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Директор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.3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Защита в условиях ЧС</w:t>
            </w:r>
          </w:p>
          <w:p w:rsidR="00CF405C" w:rsidRPr="00085F16" w:rsidRDefault="00CF405C" w:rsidP="009E6940">
            <w:pPr>
              <w:numPr>
                <w:ilvl w:val="0"/>
                <w:numId w:val="8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ие и корректировка плана мероприятий по вопросам ГО, предупреждению и ликвидации ЧС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,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январь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  <w:tr w:rsidR="00CF405C" w:rsidRPr="00085F16" w:rsidTr="009E6940">
        <w:trPr>
          <w:trHeight w:val="1594"/>
        </w:trPr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4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Конструкционная безопасность здания школы</w:t>
            </w:r>
          </w:p>
          <w:p w:rsidR="00CF405C" w:rsidRPr="00085F16" w:rsidRDefault="00CF405C" w:rsidP="009E6940">
            <w:pPr>
              <w:numPr>
                <w:ilvl w:val="0"/>
                <w:numId w:val="8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ключение контрактов на текущий ремонт</w:t>
            </w:r>
          </w:p>
          <w:p w:rsidR="00CF405C" w:rsidRPr="00085F16" w:rsidRDefault="00CF405C" w:rsidP="009E6940">
            <w:pPr>
              <w:numPr>
                <w:ilvl w:val="0"/>
                <w:numId w:val="8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актов-разрешений на эксплуатацию здания школы, систем водоснабжения, газоснабжения, электроснабжение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необходимости,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.5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Безопасные условия учебы и труда</w:t>
            </w:r>
          </w:p>
          <w:p w:rsidR="00CF405C" w:rsidRPr="00085F16" w:rsidRDefault="00CF405C" w:rsidP="009E6940">
            <w:pPr>
              <w:numPr>
                <w:ilvl w:val="0"/>
                <w:numId w:val="9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актов-разрешений на эксплуатацию учебных кабинетов, химии, информатики, спортивного зала</w:t>
            </w:r>
          </w:p>
          <w:p w:rsidR="00CF405C" w:rsidRPr="00085F16" w:rsidRDefault="00CF405C" w:rsidP="009E6940">
            <w:pPr>
              <w:numPr>
                <w:ilvl w:val="0"/>
                <w:numId w:val="9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змещение памяток по ТБ и ППБ в учебных кабинетах</w:t>
            </w:r>
          </w:p>
          <w:p w:rsidR="00CF405C" w:rsidRPr="00085F16" w:rsidRDefault="00CF405C" w:rsidP="009E6940">
            <w:pPr>
              <w:numPr>
                <w:ilvl w:val="0"/>
                <w:numId w:val="9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медицинского кабинета к работе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Август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</w:tbl>
    <w:p w:rsidR="00CF405C" w:rsidRPr="00085F16" w:rsidRDefault="00CF405C" w:rsidP="00CF405C">
      <w:pPr>
        <w:rPr>
          <w:rFonts w:ascii="Times New Roman" w:hAnsi="Times New Roman" w:cs="Times New Roman"/>
          <w:sz w:val="24"/>
          <w:szCs w:val="24"/>
        </w:rPr>
      </w:pPr>
    </w:p>
    <w:p w:rsidR="00CF405C" w:rsidRPr="00085F16" w:rsidRDefault="00CF405C" w:rsidP="00CF405C">
      <w:pPr>
        <w:pStyle w:val="2"/>
      </w:pPr>
      <w:r w:rsidRPr="00085F16">
        <w:lastRenderedPageBreak/>
        <w:t xml:space="preserve">   </w:t>
      </w:r>
      <w:bookmarkStart w:id="30" w:name="_Toc120516868"/>
      <w:r w:rsidRPr="00085F16">
        <w:t>2. Методическое обеспечение</w:t>
      </w:r>
      <w:bookmarkEnd w:id="30"/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/>
      </w:tblPr>
      <w:tblGrid>
        <w:gridCol w:w="913"/>
        <w:gridCol w:w="9009"/>
        <w:gridCol w:w="2534"/>
        <w:gridCol w:w="2960"/>
      </w:tblGrid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Направление, мероприятия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 исполнения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й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1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Пожарная, антитеррористическая безопасность</w:t>
            </w:r>
          </w:p>
          <w:p w:rsidR="00CF405C" w:rsidRPr="00085F16" w:rsidRDefault="00CF405C" w:rsidP="009E6940">
            <w:pPr>
              <w:numPr>
                <w:ilvl w:val="0"/>
                <w:numId w:val="10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рректировка программы курса ОБЖ в 8-9 классах, внесение необходимых дополнений</w:t>
            </w:r>
          </w:p>
          <w:p w:rsidR="00CF405C" w:rsidRPr="00085F16" w:rsidRDefault="00CF405C" w:rsidP="009E6940">
            <w:pPr>
              <w:numPr>
                <w:ilvl w:val="0"/>
                <w:numId w:val="10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азработка тематики классных часов по ППБ и АТБ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,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ай,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итель ОБЖ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2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Электробезопасность</w:t>
            </w:r>
          </w:p>
          <w:p w:rsidR="00CF405C" w:rsidRPr="00085F16" w:rsidRDefault="00CF405C" w:rsidP="009E6940">
            <w:pPr>
              <w:numPr>
                <w:ilvl w:val="0"/>
                <w:numId w:val="11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знаний правил электробезопасности у соответствующих работников школы</w:t>
            </w:r>
          </w:p>
          <w:p w:rsidR="00CF405C" w:rsidRPr="00085F16" w:rsidRDefault="00CF405C" w:rsidP="009E6940">
            <w:pPr>
              <w:numPr>
                <w:ilvl w:val="0"/>
                <w:numId w:val="11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ключение контракта на проведение электроизмерительных работ электрооборудования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 раз в год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актный управляющий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3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Конструкционная безопасность здания школы</w:t>
            </w:r>
          </w:p>
          <w:p w:rsidR="00CF405C" w:rsidRPr="00085F16" w:rsidRDefault="00CF405C" w:rsidP="009E6940">
            <w:pPr>
              <w:numPr>
                <w:ilvl w:val="0"/>
                <w:numId w:val="12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Инструктаж обслуживающего персонала по вопросам текущего содержания здания школы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Ноябрь 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.4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Безопасные условия учебы и труда</w:t>
            </w:r>
          </w:p>
          <w:p w:rsidR="00CF405C" w:rsidRPr="00085F16" w:rsidRDefault="00CF405C" w:rsidP="009E6940">
            <w:pPr>
              <w:numPr>
                <w:ilvl w:val="0"/>
                <w:numId w:val="12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бщешкольное родительское собрание «Как обеспечить безопасность обучающихся в школе»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ктябрь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</w:tbl>
    <w:p w:rsidR="00CF405C" w:rsidRPr="00085F16" w:rsidRDefault="00CF405C" w:rsidP="00CF405C">
      <w:pPr>
        <w:rPr>
          <w:rFonts w:ascii="Times New Roman" w:hAnsi="Times New Roman" w:cs="Times New Roman"/>
          <w:sz w:val="24"/>
          <w:szCs w:val="24"/>
        </w:rPr>
      </w:pPr>
    </w:p>
    <w:p w:rsidR="00CF405C" w:rsidRPr="00085F16" w:rsidRDefault="00CF405C" w:rsidP="00CF405C">
      <w:pPr>
        <w:pStyle w:val="2"/>
      </w:pPr>
      <w:bookmarkStart w:id="31" w:name="_Toc120516869"/>
      <w:r w:rsidRPr="00085F16">
        <w:t>3. Информационное обеспечение</w:t>
      </w:r>
      <w:bookmarkEnd w:id="31"/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/>
      </w:tblPr>
      <w:tblGrid>
        <w:gridCol w:w="914"/>
        <w:gridCol w:w="9002"/>
        <w:gridCol w:w="2539"/>
        <w:gridCol w:w="2961"/>
      </w:tblGrid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Направление, мероприятия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 исполнения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й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1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Выпуск школьной газеты «Переменка»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 раз в четверть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/О «Содружество»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3.2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Освещение вопросов безопасности на сменных стендах в период месячников: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правила дорожного движения;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правила поведения во время паводка;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- действия при обнаружении подозрительных предметов в здании школы или около нее и т.п.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плану работы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. руководители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3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Проведение классных часов с обсуждением памяток, бюллетеней.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плану работы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л. руководители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3.4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Своевременное информирование ответственных лиц о состоянии безопасности школы, учебных кабинетов.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необходимости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</w:t>
            </w:r>
          </w:p>
          <w:p w:rsidR="00CF405C" w:rsidRPr="00085F16" w:rsidRDefault="00CF405C" w:rsidP="009E694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</w:tbl>
    <w:p w:rsidR="00CF405C" w:rsidRPr="00085F16" w:rsidRDefault="00CF405C" w:rsidP="00CF405C">
      <w:pPr>
        <w:rPr>
          <w:rFonts w:ascii="Times New Roman" w:hAnsi="Times New Roman" w:cs="Times New Roman"/>
          <w:sz w:val="24"/>
          <w:szCs w:val="24"/>
        </w:rPr>
      </w:pPr>
    </w:p>
    <w:p w:rsidR="00CF405C" w:rsidRPr="00085F16" w:rsidRDefault="00CF405C" w:rsidP="00CF405C">
      <w:pPr>
        <w:rPr>
          <w:rFonts w:ascii="Times New Roman" w:hAnsi="Times New Roman" w:cs="Times New Roman"/>
          <w:b/>
          <w:sz w:val="24"/>
          <w:szCs w:val="24"/>
        </w:rPr>
      </w:pPr>
      <w:r w:rsidRPr="00085F16">
        <w:rPr>
          <w:rFonts w:ascii="Times New Roman" w:hAnsi="Times New Roman" w:cs="Times New Roman"/>
          <w:b/>
          <w:sz w:val="24"/>
          <w:szCs w:val="24"/>
        </w:rPr>
        <w:t>4. Организационное обеспечение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/>
      </w:tblPr>
      <w:tblGrid>
        <w:gridCol w:w="912"/>
        <w:gridCol w:w="9006"/>
        <w:gridCol w:w="2539"/>
        <w:gridCol w:w="2959"/>
      </w:tblGrid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Направление, мероприятия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Сроки исполнения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тветственный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1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Пожарная безопасность</w:t>
            </w:r>
          </w:p>
          <w:p w:rsidR="00CF405C" w:rsidRPr="00085F16" w:rsidRDefault="00CF405C" w:rsidP="009E6940">
            <w:pPr>
              <w:numPr>
                <w:ilvl w:val="0"/>
                <w:numId w:val="12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учебных эвакуаций</w:t>
            </w:r>
          </w:p>
          <w:p w:rsidR="00CF405C" w:rsidRPr="00085F16" w:rsidRDefault="00CF405C" w:rsidP="009E6940">
            <w:pPr>
              <w:numPr>
                <w:ilvl w:val="0"/>
                <w:numId w:val="12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ыполнение плана работы с учащимися по изучению правил ППБ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графику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, завхоз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2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Антитеррористическая безопасность:</w:t>
            </w:r>
          </w:p>
          <w:p w:rsidR="00CF405C" w:rsidRPr="00085F16" w:rsidRDefault="00CF405C" w:rsidP="009E6940">
            <w:pPr>
              <w:numPr>
                <w:ilvl w:val="0"/>
                <w:numId w:val="13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вещание по вопросу противодействия террору и экстремизму</w:t>
            </w:r>
          </w:p>
          <w:p w:rsidR="00CF405C" w:rsidRPr="00085F16" w:rsidRDefault="00CF405C" w:rsidP="009E6940">
            <w:pPr>
              <w:numPr>
                <w:ilvl w:val="0"/>
                <w:numId w:val="13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существление контроля состояния АТБ</w:t>
            </w:r>
          </w:p>
          <w:p w:rsidR="00CF405C" w:rsidRPr="00085F16" w:rsidRDefault="00CF405C" w:rsidP="009E6940">
            <w:pPr>
              <w:numPr>
                <w:ilvl w:val="0"/>
                <w:numId w:val="13"/>
              </w:num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становление пропускного режима в школу с заполнением журнала посещений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плану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, завхоз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3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Защита в условиях ЧС:</w:t>
            </w:r>
          </w:p>
          <w:p w:rsidR="00CF405C" w:rsidRPr="00085F16" w:rsidRDefault="00CF405C" w:rsidP="009E6940">
            <w:pPr>
              <w:numPr>
                <w:ilvl w:val="0"/>
                <w:numId w:val="14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ень защиты детей</w:t>
            </w:r>
          </w:p>
          <w:p w:rsidR="00CF405C" w:rsidRPr="00085F16" w:rsidRDefault="00CF405C" w:rsidP="009E6940">
            <w:pPr>
              <w:numPr>
                <w:ilvl w:val="0"/>
                <w:numId w:val="14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стреча учащихся со специалистами ГО и ЧС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01.06.2022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 договоренности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4.4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Конструктивная безопасность здания школы:</w:t>
            </w:r>
          </w:p>
          <w:p w:rsidR="00CF405C" w:rsidRPr="00085F16" w:rsidRDefault="00CF405C" w:rsidP="009E6940">
            <w:pPr>
              <w:numPr>
                <w:ilvl w:val="0"/>
                <w:numId w:val="15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состоянием здания, систем водо-, газо-, электроснабжения</w:t>
            </w:r>
          </w:p>
          <w:p w:rsidR="00CF405C" w:rsidRPr="00085F16" w:rsidRDefault="00CF405C" w:rsidP="009E6940">
            <w:pPr>
              <w:numPr>
                <w:ilvl w:val="0"/>
                <w:numId w:val="15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Оперативное совещание с обслуживающим персоналом в период отопительного сезона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В течение года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По плану 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Завхоз </w:t>
            </w:r>
          </w:p>
        </w:tc>
      </w:tr>
      <w:tr w:rsidR="00CF405C" w:rsidRPr="00085F16" w:rsidTr="009E6940">
        <w:tc>
          <w:tcPr>
            <w:tcW w:w="920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4.5</w:t>
            </w:r>
          </w:p>
        </w:tc>
        <w:tc>
          <w:tcPr>
            <w:tcW w:w="911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  <w:t>Безопасные условия учебы и труда:</w:t>
            </w:r>
          </w:p>
          <w:p w:rsidR="00CF405C" w:rsidRPr="00085F16" w:rsidRDefault="00CF405C" w:rsidP="009E6940">
            <w:pPr>
              <w:numPr>
                <w:ilvl w:val="0"/>
                <w:numId w:val="16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наличием в учебных кабинетах и выполнением правил ТБ в уходе УВП</w:t>
            </w:r>
          </w:p>
          <w:p w:rsidR="00CF405C" w:rsidRPr="00085F16" w:rsidRDefault="00CF405C" w:rsidP="009E6940">
            <w:pPr>
              <w:numPr>
                <w:ilvl w:val="0"/>
                <w:numId w:val="16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изводственное совещание «Особенности защиты детей. Обязанности взрослых по ее обеспечению»</w:t>
            </w:r>
          </w:p>
          <w:p w:rsidR="00CF405C" w:rsidRPr="00085F16" w:rsidRDefault="00CF405C" w:rsidP="009E6940">
            <w:pPr>
              <w:numPr>
                <w:ilvl w:val="0"/>
                <w:numId w:val="16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Контроль за ведением журналов инструктажа</w:t>
            </w:r>
          </w:p>
          <w:p w:rsidR="00CF405C" w:rsidRPr="00085F16" w:rsidRDefault="00CF405C" w:rsidP="009E6940">
            <w:pPr>
              <w:numPr>
                <w:ilvl w:val="0"/>
                <w:numId w:val="16"/>
              </w:numPr>
              <w:spacing w:after="0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снащение аптечки первой медицинской помощи необходимыми препаратами</w:t>
            </w:r>
          </w:p>
        </w:tc>
        <w:tc>
          <w:tcPr>
            <w:tcW w:w="2551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ентябрь, январь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2 раза в год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1 раз в четверть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2977" w:type="dxa"/>
          </w:tcPr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Д по УВР</w:t>
            </w:r>
          </w:p>
          <w:p w:rsidR="00CF405C" w:rsidRPr="00085F16" w:rsidRDefault="00CF405C" w:rsidP="009E6940">
            <w:pPr>
              <w:spacing w:after="0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Завхоз</w:t>
            </w:r>
          </w:p>
        </w:tc>
      </w:tr>
    </w:tbl>
    <w:p w:rsidR="00CF405C" w:rsidRPr="004F6EA6" w:rsidRDefault="00CF405C" w:rsidP="00CF405C">
      <w:pPr>
        <w:pStyle w:val="1"/>
        <w:jc w:val="left"/>
        <w:rPr>
          <w:lang w:val="ru-RU"/>
        </w:rPr>
      </w:pPr>
      <w:bookmarkStart w:id="32" w:name="_Toc120516870"/>
      <w:r w:rsidRPr="00085F16">
        <w:t>XII</w:t>
      </w:r>
      <w:r w:rsidRPr="004F6EA6">
        <w:rPr>
          <w:lang w:val="ru-RU"/>
        </w:rPr>
        <w:t>. Укрепление материально-технической базы, хозяйственная деятельность.</w:t>
      </w:r>
      <w:bookmarkEnd w:id="32"/>
    </w:p>
    <w:tbl>
      <w:tblPr>
        <w:tblStyle w:val="a3"/>
        <w:tblW w:w="0" w:type="auto"/>
        <w:tblLook w:val="04A0"/>
      </w:tblPr>
      <w:tblGrid>
        <w:gridCol w:w="1799"/>
        <w:gridCol w:w="13617"/>
      </w:tblGrid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b/>
                <w:sz w:val="24"/>
                <w:szCs w:val="24"/>
              </w:rPr>
              <w:t>Основное содержание программной деятельности по этапам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вгуст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школы к новому 2022-2023 учебному году.</w:t>
            </w:r>
          </w:p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акта готовности ОУ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Сентябрь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Мероприятия по ОТ в учреждении.</w:t>
            </w:r>
          </w:p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тверждение приказов по ОТ и ТБ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Октябрь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дготовка школы к отопительному сезону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Ноябрь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рка состояния электрооборудования, ПБ в учреждении.</w:t>
            </w:r>
          </w:p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роведение инвентаризации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Декабрь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Очистка подъездных и эвакуационных путей от снега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Январь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Генеральная уборка школы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Февраль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чет и систематизация наглядных пособий в школе.</w:t>
            </w:r>
          </w:p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Составление плана ремонта школы на следующий год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рт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ев цветочной рассады. Работы по озеленению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Апрель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борка территории. Субботники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Май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Уборка территории.</w:t>
            </w:r>
          </w:p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Посадка рассады цветов.</w:t>
            </w:r>
          </w:p>
        </w:tc>
      </w:tr>
      <w:tr w:rsidR="00CF405C" w:rsidRPr="00085F16" w:rsidTr="009E6940">
        <w:tc>
          <w:tcPr>
            <w:tcW w:w="1809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 xml:space="preserve">Июнь </w:t>
            </w:r>
          </w:p>
        </w:tc>
        <w:tc>
          <w:tcPr>
            <w:tcW w:w="13805" w:type="dxa"/>
          </w:tcPr>
          <w:p w:rsidR="00CF405C" w:rsidRPr="00085F16" w:rsidRDefault="00CF405C" w:rsidP="009E6940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085F16">
              <w:rPr>
                <w:rFonts w:ascii="Times New Roman" w:hAnsi="Times New Roman" w:cs="Times New Roman"/>
                <w:sz w:val="24"/>
                <w:szCs w:val="24"/>
              </w:rPr>
              <w:t>Ремонт школы. Подготовка к новому учебному году.</w:t>
            </w:r>
          </w:p>
        </w:tc>
      </w:tr>
    </w:tbl>
    <w:p w:rsidR="00CF405C" w:rsidRDefault="00CF405C" w:rsidP="00CF405C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CF405C" w:rsidRDefault="00CF405C" w:rsidP="00CF405C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CF405C" w:rsidRPr="00085F16" w:rsidRDefault="00CF405C" w:rsidP="00CF405C">
      <w:pPr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CF405C" w:rsidRPr="004F6EA6" w:rsidRDefault="00CF405C" w:rsidP="00CF405C">
      <w:pPr>
        <w:pStyle w:val="1"/>
        <w:rPr>
          <w:lang w:val="ru-RU"/>
        </w:rPr>
      </w:pPr>
      <w:bookmarkStart w:id="33" w:name="_Toc120516871"/>
      <w:r w:rsidRPr="00085F16">
        <w:t>XIII</w:t>
      </w:r>
      <w:r w:rsidRPr="004F6EA6">
        <w:rPr>
          <w:lang w:val="ru-RU"/>
        </w:rPr>
        <w:t>. Ожидаемые результаты в конце 2022-2023 учебного года.</w:t>
      </w:r>
      <w:bookmarkEnd w:id="33"/>
    </w:p>
    <w:p w:rsidR="00CF405C" w:rsidRPr="00085F16" w:rsidRDefault="00CF405C" w:rsidP="00CF405C">
      <w:pPr>
        <w:pStyle w:val="a8"/>
        <w:numPr>
          <w:ilvl w:val="0"/>
          <w:numId w:val="17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Удовлетворение социального запроса в обучении, образовании и воспитании детей.</w:t>
      </w:r>
    </w:p>
    <w:p w:rsidR="00CF405C" w:rsidRPr="00085F16" w:rsidRDefault="00CF405C" w:rsidP="00CF405C">
      <w:pPr>
        <w:pStyle w:val="a8"/>
        <w:numPr>
          <w:ilvl w:val="0"/>
          <w:numId w:val="17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Сохранение и укрепление здоровья и физического развития школьников за счет оптимизации образовательного процесса, использования здоровьесберегающих технологий. Формирование потребности у обучающихся проявлять заботу о своем здоровье и стремления к ЗОЖ.</w:t>
      </w:r>
    </w:p>
    <w:p w:rsidR="00CF405C" w:rsidRPr="00085F16" w:rsidRDefault="00CF405C" w:rsidP="00CF405C">
      <w:pPr>
        <w:pStyle w:val="a8"/>
        <w:numPr>
          <w:ilvl w:val="0"/>
          <w:numId w:val="17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Повышение качества образованности школьника, уровня его воспитанности.</w:t>
      </w:r>
    </w:p>
    <w:p w:rsidR="00CF405C" w:rsidRPr="00085F16" w:rsidRDefault="00CF405C" w:rsidP="00CF405C">
      <w:pPr>
        <w:pStyle w:val="a8"/>
        <w:numPr>
          <w:ilvl w:val="0"/>
          <w:numId w:val="17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Личностный рост каждого обучающегося, снижение количественного состава обучающихся группы «риска».</w:t>
      </w:r>
    </w:p>
    <w:p w:rsidR="00CF405C" w:rsidRDefault="00CF405C" w:rsidP="00CF405C">
      <w:pPr>
        <w:pStyle w:val="a8"/>
        <w:numPr>
          <w:ilvl w:val="0"/>
          <w:numId w:val="17"/>
        </w:numPr>
        <w:rPr>
          <w:rFonts w:ascii="Times New Roman" w:hAnsi="Times New Roman" w:cs="Times New Roman"/>
          <w:sz w:val="24"/>
          <w:szCs w:val="24"/>
        </w:rPr>
      </w:pPr>
      <w:r w:rsidRPr="00085F16">
        <w:rPr>
          <w:rFonts w:ascii="Times New Roman" w:hAnsi="Times New Roman" w:cs="Times New Roman"/>
          <w:sz w:val="24"/>
          <w:szCs w:val="24"/>
        </w:rPr>
        <w:t>Адаптация выпускника в социуме – готовность к самостоятельному выбору и принятию решения, усиление ответственности за последствия своих поступков.</w:t>
      </w:r>
    </w:p>
    <w:p w:rsidR="00CF405C" w:rsidRPr="0058444A" w:rsidRDefault="00CF405C" w:rsidP="00CF405C"/>
    <w:p w:rsidR="00CF405C" w:rsidRPr="0058444A" w:rsidRDefault="00CF405C" w:rsidP="00CF405C"/>
    <w:p w:rsidR="00CF405C" w:rsidRPr="0058444A" w:rsidRDefault="00CF405C" w:rsidP="00CF405C"/>
    <w:p w:rsidR="00CF405C" w:rsidRPr="0058444A" w:rsidRDefault="00CF405C" w:rsidP="00CF405C"/>
    <w:p w:rsidR="00CF405C" w:rsidRPr="0058444A" w:rsidRDefault="00CF405C" w:rsidP="00CF405C"/>
    <w:p w:rsidR="00CF405C" w:rsidRPr="0058444A" w:rsidRDefault="00CF405C" w:rsidP="00CF405C"/>
    <w:p w:rsidR="00CF405C" w:rsidRPr="0058444A" w:rsidRDefault="00CF405C" w:rsidP="00CF405C"/>
    <w:p w:rsidR="00CF405C" w:rsidRPr="0058444A" w:rsidRDefault="00CF405C" w:rsidP="00CF405C"/>
    <w:p w:rsidR="00CF405C" w:rsidRDefault="00CF405C" w:rsidP="00CF405C">
      <w:pPr>
        <w:rPr>
          <w:rFonts w:ascii="Times New Roman" w:hAnsi="Times New Roman" w:cs="Times New Roman"/>
          <w:sz w:val="24"/>
          <w:szCs w:val="24"/>
        </w:rPr>
      </w:pPr>
    </w:p>
    <w:p w:rsidR="00CF405C" w:rsidRPr="0058444A" w:rsidRDefault="00CF405C" w:rsidP="00CF405C"/>
    <w:p w:rsidR="002A244B" w:rsidRPr="00384111" w:rsidRDefault="002A244B" w:rsidP="002A244B">
      <w:pPr>
        <w:spacing w:after="0" w:line="256" w:lineRule="auto"/>
        <w:rPr>
          <w:rFonts w:ascii="Times New Roman" w:eastAsia="Times New Roman" w:hAnsi="Times New Roman" w:cs="Times New Roman"/>
          <w:sz w:val="24"/>
        </w:rPr>
        <w:sectPr w:rsidR="002A244B" w:rsidRPr="00384111" w:rsidSect="00FF60E1">
          <w:pgSz w:w="16840" w:h="11910" w:orient="landscape"/>
          <w:pgMar w:top="560" w:right="760" w:bottom="1080" w:left="880" w:header="0" w:footer="896" w:gutter="0"/>
          <w:cols w:space="720"/>
        </w:sectPr>
      </w:pPr>
    </w:p>
    <w:p w:rsidR="002A244B" w:rsidRDefault="002A244B" w:rsidP="002A244B"/>
    <w:p w:rsidR="002A244B" w:rsidRPr="00085F16" w:rsidRDefault="002A244B" w:rsidP="00CF405C">
      <w:pPr>
        <w:rPr>
          <w:rFonts w:ascii="Times New Roman" w:hAnsi="Times New Roman" w:cs="Times New Roman"/>
          <w:b/>
          <w:sz w:val="24"/>
          <w:szCs w:val="24"/>
          <w:lang w:eastAsia="ru-RU"/>
        </w:rPr>
      </w:pPr>
    </w:p>
    <w:sectPr w:rsidR="002A244B" w:rsidRPr="00085F16" w:rsidSect="00EA5D34">
      <w:footerReference w:type="default" r:id="rId10"/>
      <w:pgSz w:w="16838" w:h="11906" w:orient="landscape"/>
      <w:pgMar w:top="426" w:right="720" w:bottom="720" w:left="720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9F6CDD" w:rsidRDefault="009F6CDD" w:rsidP="00FC2D44">
      <w:pPr>
        <w:spacing w:after="0" w:line="240" w:lineRule="auto"/>
      </w:pPr>
      <w:r>
        <w:separator/>
      </w:r>
    </w:p>
  </w:endnote>
  <w:endnote w:type="continuationSeparator" w:id="1">
    <w:p w:rsidR="009F6CDD" w:rsidRDefault="009F6CDD" w:rsidP="00FC2D4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№Е">
    <w:altName w:val="Times New Roman"/>
    <w:charset w:val="00"/>
    <w:family w:val="roman"/>
    <w:pitch w:val="variable"/>
    <w:sig w:usb0="00000000" w:usb1="09060000" w:usb2="00000010" w:usb3="00000000" w:csb0="00080000" w:csb1="00000000"/>
  </w:font>
  <w:font w:name="Calibri Light">
    <w:altName w:val="Calibri"/>
    <w:charset w:val="CC"/>
    <w:family w:val="swiss"/>
    <w:pitch w:val="variable"/>
    <w:sig w:usb0="00000001" w:usb1="4000207B" w:usb2="00000000" w:usb3="00000000" w:csb0="0000019F" w:csb1="00000000"/>
  </w:font>
  <w:font w:name="Cambria">
    <w:panose1 w:val="02040503050406030204"/>
    <w:charset w:val="CC"/>
    <w:family w:val="roman"/>
    <w:pitch w:val="variable"/>
    <w:sig w:usb0="A00002EF" w:usb1="4000004B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18545228"/>
      <w:docPartObj>
        <w:docPartGallery w:val="Page Numbers (Bottom of Page)"/>
        <w:docPartUnique/>
      </w:docPartObj>
    </w:sdtPr>
    <w:sdtContent>
      <w:p w:rsidR="00153F86" w:rsidRDefault="008026C5">
        <w:pPr>
          <w:pStyle w:val="a6"/>
          <w:jc w:val="right"/>
        </w:pPr>
        <w:fldSimple w:instr=" PAGE   \* MERGEFORMAT ">
          <w:r w:rsidR="00972921">
            <w:rPr>
              <w:noProof/>
            </w:rPr>
            <w:t>84</w:t>
          </w:r>
        </w:fldSimple>
      </w:p>
    </w:sdtContent>
  </w:sdt>
  <w:p w:rsidR="00153F86" w:rsidRDefault="00153F86">
    <w:pPr>
      <w:pStyle w:val="a6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FF60E1" w:rsidRDefault="008026C5">
    <w:pPr>
      <w:pStyle w:val="a6"/>
      <w:jc w:val="center"/>
    </w:pPr>
    <w:fldSimple w:instr="PAGE   \* MERGEFORMAT">
      <w:r w:rsidR="00972921">
        <w:rPr>
          <w:noProof/>
        </w:rPr>
        <w:t>87</w:t>
      </w:r>
    </w:fldSimple>
  </w:p>
  <w:p w:rsidR="00FF60E1" w:rsidRDefault="00FF60E1">
    <w:pPr>
      <w:pStyle w:val="a6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9F6CDD" w:rsidRDefault="009F6CDD" w:rsidP="00FC2D44">
      <w:pPr>
        <w:spacing w:after="0" w:line="240" w:lineRule="auto"/>
      </w:pPr>
      <w:r>
        <w:separator/>
      </w:r>
    </w:p>
  </w:footnote>
  <w:footnote w:type="continuationSeparator" w:id="1">
    <w:p w:rsidR="009F6CDD" w:rsidRDefault="009F6CDD" w:rsidP="00FC2D44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5CE5F76"/>
    <w:multiLevelType w:val="hybridMultilevel"/>
    <w:tmpl w:val="47781B70"/>
    <w:lvl w:ilvl="0" w:tplc="050A8CBE">
      <w:start w:val="1"/>
      <w:numFmt w:val="decimal"/>
      <w:lvlText w:val="%1."/>
      <w:lvlJc w:val="left"/>
      <w:pPr>
        <w:ind w:left="720" w:hanging="360"/>
      </w:pPr>
      <w:rPr>
        <w:sz w:val="24"/>
        <w:szCs w:val="24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>
    <w:nsid w:val="0A9E07FD"/>
    <w:multiLevelType w:val="hybridMultilevel"/>
    <w:tmpl w:val="320ECDD2"/>
    <w:lvl w:ilvl="0" w:tplc="041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C67EF4"/>
    <w:multiLevelType w:val="hybridMultilevel"/>
    <w:tmpl w:val="85F0ECBE"/>
    <w:lvl w:ilvl="0" w:tplc="041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110C23B8"/>
    <w:multiLevelType w:val="hybridMultilevel"/>
    <w:tmpl w:val="47781B70"/>
    <w:lvl w:ilvl="0" w:tplc="050A8CBE">
      <w:start w:val="1"/>
      <w:numFmt w:val="decimal"/>
      <w:lvlText w:val="%1."/>
      <w:lvlJc w:val="left"/>
      <w:pPr>
        <w:ind w:left="720" w:hanging="360"/>
      </w:pPr>
      <w:rPr>
        <w:sz w:val="24"/>
        <w:szCs w:val="24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>
    <w:nsid w:val="113F5E9F"/>
    <w:multiLevelType w:val="hybridMultilevel"/>
    <w:tmpl w:val="8E40AA1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1D43467D"/>
    <w:multiLevelType w:val="hybridMultilevel"/>
    <w:tmpl w:val="DBEA45CA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1D88102C"/>
    <w:multiLevelType w:val="hybridMultilevel"/>
    <w:tmpl w:val="3D9A8CA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1EBF4ACF"/>
    <w:multiLevelType w:val="hybridMultilevel"/>
    <w:tmpl w:val="551C73B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1FD14ED2"/>
    <w:multiLevelType w:val="hybridMultilevel"/>
    <w:tmpl w:val="2F8A3F5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32F363E5"/>
    <w:multiLevelType w:val="hybridMultilevel"/>
    <w:tmpl w:val="48FEB7DE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3CBD6101"/>
    <w:multiLevelType w:val="hybridMultilevel"/>
    <w:tmpl w:val="0C58E280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>
    <w:nsid w:val="3E6C0697"/>
    <w:multiLevelType w:val="hybridMultilevel"/>
    <w:tmpl w:val="0D5CCE1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E9E6C09"/>
    <w:multiLevelType w:val="hybridMultilevel"/>
    <w:tmpl w:val="DC2E71D8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41297C6D"/>
    <w:multiLevelType w:val="hybridMultilevel"/>
    <w:tmpl w:val="6CA43D0E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413F4B13"/>
    <w:multiLevelType w:val="hybridMultilevel"/>
    <w:tmpl w:val="482879B2"/>
    <w:lvl w:ilvl="0" w:tplc="5F78D6E2">
      <w:start w:val="1"/>
      <w:numFmt w:val="upperRoman"/>
      <w:lvlText w:val="%1.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5">
    <w:nsid w:val="41FE01AF"/>
    <w:multiLevelType w:val="hybridMultilevel"/>
    <w:tmpl w:val="73E828CA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465855DB"/>
    <w:multiLevelType w:val="hybridMultilevel"/>
    <w:tmpl w:val="0D62CE6E"/>
    <w:lvl w:ilvl="0" w:tplc="007A9EEC">
      <w:start w:val="4"/>
      <w:numFmt w:val="decimal"/>
      <w:lvlText w:val="%1"/>
      <w:lvlJc w:val="left"/>
      <w:pPr>
        <w:ind w:left="275" w:hanging="166"/>
      </w:pPr>
      <w:rPr>
        <w:rFonts w:ascii="Calibri" w:eastAsia="Calibri" w:hAnsi="Calibri" w:cs="Calibri" w:hint="default"/>
        <w:w w:val="100"/>
        <w:sz w:val="22"/>
        <w:szCs w:val="22"/>
        <w:lang w:val="ru-RU" w:eastAsia="en-US" w:bidi="ar-SA"/>
      </w:rPr>
    </w:lvl>
    <w:lvl w:ilvl="1" w:tplc="3C444DE2">
      <w:numFmt w:val="bullet"/>
      <w:lvlText w:val="•"/>
      <w:lvlJc w:val="left"/>
      <w:pPr>
        <w:ind w:left="1735" w:hanging="166"/>
      </w:pPr>
      <w:rPr>
        <w:lang w:val="ru-RU" w:eastAsia="en-US" w:bidi="ar-SA"/>
      </w:rPr>
    </w:lvl>
    <w:lvl w:ilvl="2" w:tplc="2D8E0D2E">
      <w:numFmt w:val="bullet"/>
      <w:lvlText w:val="•"/>
      <w:lvlJc w:val="left"/>
      <w:pPr>
        <w:ind w:left="3190" w:hanging="166"/>
      </w:pPr>
      <w:rPr>
        <w:lang w:val="ru-RU" w:eastAsia="en-US" w:bidi="ar-SA"/>
      </w:rPr>
    </w:lvl>
    <w:lvl w:ilvl="3" w:tplc="EA16DDCC">
      <w:numFmt w:val="bullet"/>
      <w:lvlText w:val="•"/>
      <w:lvlJc w:val="left"/>
      <w:pPr>
        <w:ind w:left="4645" w:hanging="166"/>
      </w:pPr>
      <w:rPr>
        <w:lang w:val="ru-RU" w:eastAsia="en-US" w:bidi="ar-SA"/>
      </w:rPr>
    </w:lvl>
    <w:lvl w:ilvl="4" w:tplc="99EED81C">
      <w:numFmt w:val="bullet"/>
      <w:lvlText w:val="•"/>
      <w:lvlJc w:val="left"/>
      <w:pPr>
        <w:ind w:left="6100" w:hanging="166"/>
      </w:pPr>
      <w:rPr>
        <w:lang w:val="ru-RU" w:eastAsia="en-US" w:bidi="ar-SA"/>
      </w:rPr>
    </w:lvl>
    <w:lvl w:ilvl="5" w:tplc="2B522FBE">
      <w:numFmt w:val="bullet"/>
      <w:lvlText w:val="•"/>
      <w:lvlJc w:val="left"/>
      <w:pPr>
        <w:ind w:left="7555" w:hanging="166"/>
      </w:pPr>
      <w:rPr>
        <w:lang w:val="ru-RU" w:eastAsia="en-US" w:bidi="ar-SA"/>
      </w:rPr>
    </w:lvl>
    <w:lvl w:ilvl="6" w:tplc="0AE0902A">
      <w:numFmt w:val="bullet"/>
      <w:lvlText w:val="•"/>
      <w:lvlJc w:val="left"/>
      <w:pPr>
        <w:ind w:left="9010" w:hanging="166"/>
      </w:pPr>
      <w:rPr>
        <w:lang w:val="ru-RU" w:eastAsia="en-US" w:bidi="ar-SA"/>
      </w:rPr>
    </w:lvl>
    <w:lvl w:ilvl="7" w:tplc="3CB2C744">
      <w:numFmt w:val="bullet"/>
      <w:lvlText w:val="•"/>
      <w:lvlJc w:val="left"/>
      <w:pPr>
        <w:ind w:left="10465" w:hanging="166"/>
      </w:pPr>
      <w:rPr>
        <w:lang w:val="ru-RU" w:eastAsia="en-US" w:bidi="ar-SA"/>
      </w:rPr>
    </w:lvl>
    <w:lvl w:ilvl="8" w:tplc="23E2E426">
      <w:numFmt w:val="bullet"/>
      <w:lvlText w:val="•"/>
      <w:lvlJc w:val="left"/>
      <w:pPr>
        <w:ind w:left="11920" w:hanging="166"/>
      </w:pPr>
      <w:rPr>
        <w:lang w:val="ru-RU" w:eastAsia="en-US" w:bidi="ar-SA"/>
      </w:rPr>
    </w:lvl>
  </w:abstractNum>
  <w:abstractNum w:abstractNumId="17">
    <w:nsid w:val="480367BF"/>
    <w:multiLevelType w:val="hybridMultilevel"/>
    <w:tmpl w:val="97CC1D68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48953C5A"/>
    <w:multiLevelType w:val="hybridMultilevel"/>
    <w:tmpl w:val="2D64C4E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4CC27665"/>
    <w:multiLevelType w:val="hybridMultilevel"/>
    <w:tmpl w:val="856E2F5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D033FD4"/>
    <w:multiLevelType w:val="hybridMultilevel"/>
    <w:tmpl w:val="47781B70"/>
    <w:lvl w:ilvl="0" w:tplc="050A8CBE">
      <w:start w:val="1"/>
      <w:numFmt w:val="decimal"/>
      <w:lvlText w:val="%1."/>
      <w:lvlJc w:val="left"/>
      <w:pPr>
        <w:ind w:left="720" w:hanging="360"/>
      </w:pPr>
      <w:rPr>
        <w:sz w:val="24"/>
        <w:szCs w:val="24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1">
    <w:nsid w:val="4DD11523"/>
    <w:multiLevelType w:val="hybridMultilevel"/>
    <w:tmpl w:val="499EB780"/>
    <w:lvl w:ilvl="0" w:tplc="1EBEDC4C">
      <w:start w:val="9"/>
      <w:numFmt w:val="decimal"/>
      <w:lvlText w:val="%1"/>
      <w:lvlJc w:val="left"/>
      <w:pPr>
        <w:ind w:left="385" w:hanging="274"/>
      </w:pPr>
      <w:rPr>
        <w:rFonts w:ascii="Calibri" w:eastAsia="Calibri" w:hAnsi="Calibri" w:cs="Calibri" w:hint="default"/>
        <w:w w:val="100"/>
        <w:sz w:val="22"/>
        <w:szCs w:val="22"/>
        <w:lang w:val="ru-RU" w:eastAsia="en-US" w:bidi="ar-SA"/>
      </w:rPr>
    </w:lvl>
    <w:lvl w:ilvl="1" w:tplc="DD5CC140">
      <w:numFmt w:val="bullet"/>
      <w:lvlText w:val="•"/>
      <w:lvlJc w:val="left"/>
      <w:pPr>
        <w:ind w:left="999" w:hanging="274"/>
      </w:pPr>
      <w:rPr>
        <w:lang w:val="ru-RU" w:eastAsia="en-US" w:bidi="ar-SA"/>
      </w:rPr>
    </w:lvl>
    <w:lvl w:ilvl="2" w:tplc="506CC2EA">
      <w:numFmt w:val="bullet"/>
      <w:lvlText w:val="•"/>
      <w:lvlJc w:val="left"/>
      <w:pPr>
        <w:ind w:left="1618" w:hanging="274"/>
      </w:pPr>
      <w:rPr>
        <w:lang w:val="ru-RU" w:eastAsia="en-US" w:bidi="ar-SA"/>
      </w:rPr>
    </w:lvl>
    <w:lvl w:ilvl="3" w:tplc="46802744">
      <w:numFmt w:val="bullet"/>
      <w:lvlText w:val="•"/>
      <w:lvlJc w:val="left"/>
      <w:pPr>
        <w:ind w:left="2237" w:hanging="274"/>
      </w:pPr>
      <w:rPr>
        <w:lang w:val="ru-RU" w:eastAsia="en-US" w:bidi="ar-SA"/>
      </w:rPr>
    </w:lvl>
    <w:lvl w:ilvl="4" w:tplc="D0444154">
      <w:numFmt w:val="bullet"/>
      <w:lvlText w:val="•"/>
      <w:lvlJc w:val="left"/>
      <w:pPr>
        <w:ind w:left="2856" w:hanging="274"/>
      </w:pPr>
      <w:rPr>
        <w:lang w:val="ru-RU" w:eastAsia="en-US" w:bidi="ar-SA"/>
      </w:rPr>
    </w:lvl>
    <w:lvl w:ilvl="5" w:tplc="BE4ACAF2">
      <w:numFmt w:val="bullet"/>
      <w:lvlText w:val="•"/>
      <w:lvlJc w:val="left"/>
      <w:pPr>
        <w:ind w:left="3475" w:hanging="274"/>
      </w:pPr>
      <w:rPr>
        <w:lang w:val="ru-RU" w:eastAsia="en-US" w:bidi="ar-SA"/>
      </w:rPr>
    </w:lvl>
    <w:lvl w:ilvl="6" w:tplc="1B76D2D8">
      <w:numFmt w:val="bullet"/>
      <w:lvlText w:val="•"/>
      <w:lvlJc w:val="left"/>
      <w:pPr>
        <w:ind w:left="4094" w:hanging="274"/>
      </w:pPr>
      <w:rPr>
        <w:lang w:val="ru-RU" w:eastAsia="en-US" w:bidi="ar-SA"/>
      </w:rPr>
    </w:lvl>
    <w:lvl w:ilvl="7" w:tplc="33BE9148">
      <w:numFmt w:val="bullet"/>
      <w:lvlText w:val="•"/>
      <w:lvlJc w:val="left"/>
      <w:pPr>
        <w:ind w:left="4713" w:hanging="274"/>
      </w:pPr>
      <w:rPr>
        <w:lang w:val="ru-RU" w:eastAsia="en-US" w:bidi="ar-SA"/>
      </w:rPr>
    </w:lvl>
    <w:lvl w:ilvl="8" w:tplc="2132D50A">
      <w:numFmt w:val="bullet"/>
      <w:lvlText w:val="•"/>
      <w:lvlJc w:val="left"/>
      <w:pPr>
        <w:ind w:left="5332" w:hanging="274"/>
      </w:pPr>
      <w:rPr>
        <w:lang w:val="ru-RU" w:eastAsia="en-US" w:bidi="ar-SA"/>
      </w:rPr>
    </w:lvl>
  </w:abstractNum>
  <w:abstractNum w:abstractNumId="22">
    <w:nsid w:val="53C15592"/>
    <w:multiLevelType w:val="hybridMultilevel"/>
    <w:tmpl w:val="6F8A9FBE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>
    <w:nsid w:val="54952202"/>
    <w:multiLevelType w:val="hybridMultilevel"/>
    <w:tmpl w:val="47781B70"/>
    <w:lvl w:ilvl="0" w:tplc="050A8CBE">
      <w:start w:val="1"/>
      <w:numFmt w:val="decimal"/>
      <w:lvlText w:val="%1."/>
      <w:lvlJc w:val="left"/>
      <w:pPr>
        <w:ind w:left="720" w:hanging="360"/>
      </w:pPr>
      <w:rPr>
        <w:sz w:val="24"/>
        <w:szCs w:val="24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4">
    <w:nsid w:val="594E4812"/>
    <w:multiLevelType w:val="hybridMultilevel"/>
    <w:tmpl w:val="47781B70"/>
    <w:lvl w:ilvl="0" w:tplc="050A8CBE">
      <w:start w:val="1"/>
      <w:numFmt w:val="decimal"/>
      <w:lvlText w:val="%1."/>
      <w:lvlJc w:val="left"/>
      <w:pPr>
        <w:ind w:left="720" w:hanging="360"/>
      </w:pPr>
      <w:rPr>
        <w:sz w:val="24"/>
        <w:szCs w:val="24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5">
    <w:nsid w:val="5BAE662E"/>
    <w:multiLevelType w:val="hybridMultilevel"/>
    <w:tmpl w:val="0C58E280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6">
    <w:nsid w:val="6683043B"/>
    <w:multiLevelType w:val="hybridMultilevel"/>
    <w:tmpl w:val="E6BA24CC"/>
    <w:lvl w:ilvl="0" w:tplc="041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6D2C7741"/>
    <w:multiLevelType w:val="hybridMultilevel"/>
    <w:tmpl w:val="47781B70"/>
    <w:lvl w:ilvl="0" w:tplc="050A8CBE">
      <w:start w:val="1"/>
      <w:numFmt w:val="decimal"/>
      <w:lvlText w:val="%1."/>
      <w:lvlJc w:val="left"/>
      <w:pPr>
        <w:ind w:left="720" w:hanging="360"/>
      </w:pPr>
      <w:rPr>
        <w:sz w:val="24"/>
        <w:szCs w:val="24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8">
    <w:nsid w:val="73D51545"/>
    <w:multiLevelType w:val="hybridMultilevel"/>
    <w:tmpl w:val="EA066C34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75A8050F"/>
    <w:multiLevelType w:val="hybridMultilevel"/>
    <w:tmpl w:val="843EBAAE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7C897375"/>
    <w:multiLevelType w:val="hybridMultilevel"/>
    <w:tmpl w:val="47781B70"/>
    <w:lvl w:ilvl="0" w:tplc="050A8CBE">
      <w:start w:val="1"/>
      <w:numFmt w:val="decimal"/>
      <w:lvlText w:val="%1."/>
      <w:lvlJc w:val="left"/>
      <w:pPr>
        <w:ind w:left="720" w:hanging="360"/>
      </w:pPr>
      <w:rPr>
        <w:sz w:val="24"/>
        <w:szCs w:val="24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7"/>
  </w:num>
  <w:num w:numId="2">
    <w:abstractNumId w:val="19"/>
  </w:num>
  <w:num w:numId="3">
    <w:abstractNumId w:val="13"/>
  </w:num>
  <w:num w:numId="4">
    <w:abstractNumId w:val="14"/>
  </w:num>
  <w:num w:numId="5">
    <w:abstractNumId w:val="29"/>
  </w:num>
  <w:num w:numId="6">
    <w:abstractNumId w:val="6"/>
  </w:num>
  <w:num w:numId="7">
    <w:abstractNumId w:val="15"/>
  </w:num>
  <w:num w:numId="8">
    <w:abstractNumId w:val="28"/>
  </w:num>
  <w:num w:numId="9">
    <w:abstractNumId w:val="17"/>
  </w:num>
  <w:num w:numId="10">
    <w:abstractNumId w:val="8"/>
  </w:num>
  <w:num w:numId="11">
    <w:abstractNumId w:val="5"/>
  </w:num>
  <w:num w:numId="12">
    <w:abstractNumId w:val="22"/>
  </w:num>
  <w:num w:numId="13">
    <w:abstractNumId w:val="18"/>
  </w:num>
  <w:num w:numId="14">
    <w:abstractNumId w:val="4"/>
  </w:num>
  <w:num w:numId="15">
    <w:abstractNumId w:val="11"/>
  </w:num>
  <w:num w:numId="16">
    <w:abstractNumId w:val="12"/>
  </w:num>
  <w:num w:numId="17">
    <w:abstractNumId w:val="9"/>
  </w:num>
  <w:num w:numId="18">
    <w:abstractNumId w:val="2"/>
  </w:num>
  <w:num w:numId="19">
    <w:abstractNumId w:val="1"/>
  </w:num>
  <w:num w:numId="20">
    <w:abstractNumId w:val="26"/>
  </w:num>
  <w:num w:numId="21">
    <w:abstractNumId w:val="2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2">
    <w:abstractNumId w:val="2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>
    <w:abstractNumId w:val="2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4">
    <w:abstractNumId w:val="3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5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6">
    <w:abstractNumId w:val="2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7">
    <w:abstractNumId w:val="2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8">
    <w:abstractNumId w:val="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9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0">
    <w:abstractNumId w:val="16"/>
    <w:lvlOverride w:ilvl="0">
      <w:startOverride w:val="4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31">
    <w:abstractNumId w:val="21"/>
    <w:lvlOverride w:ilvl="0">
      <w:startOverride w:val="9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IdMacAtCleanup w:val="31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80"/>
  <w:defaultTabStop w:val="708"/>
  <w:drawingGridHorizontalSpacing w:val="110"/>
  <w:displayHorizontalDrawingGridEvery w:val="2"/>
  <w:characterSpacingControl w:val="doNotCompress"/>
  <w:footnotePr>
    <w:footnote w:id="0"/>
    <w:footnote w:id="1"/>
  </w:footnotePr>
  <w:endnotePr>
    <w:endnote w:id="0"/>
    <w:endnote w:id="1"/>
  </w:endnotePr>
  <w:compat/>
  <w:rsids>
    <w:rsidRoot w:val="00A4318C"/>
    <w:rsid w:val="00000763"/>
    <w:rsid w:val="0000263D"/>
    <w:rsid w:val="00005F93"/>
    <w:rsid w:val="000157C4"/>
    <w:rsid w:val="00026709"/>
    <w:rsid w:val="00032B4F"/>
    <w:rsid w:val="00033362"/>
    <w:rsid w:val="0003516B"/>
    <w:rsid w:val="00035DBF"/>
    <w:rsid w:val="00036C93"/>
    <w:rsid w:val="000417C8"/>
    <w:rsid w:val="0004223C"/>
    <w:rsid w:val="00046DF8"/>
    <w:rsid w:val="0004734B"/>
    <w:rsid w:val="00065D91"/>
    <w:rsid w:val="0007110A"/>
    <w:rsid w:val="00072CEC"/>
    <w:rsid w:val="00080954"/>
    <w:rsid w:val="00080FEA"/>
    <w:rsid w:val="00085F16"/>
    <w:rsid w:val="00086624"/>
    <w:rsid w:val="000922DB"/>
    <w:rsid w:val="00093FAB"/>
    <w:rsid w:val="00094FC6"/>
    <w:rsid w:val="00095B87"/>
    <w:rsid w:val="000A02CF"/>
    <w:rsid w:val="000A4267"/>
    <w:rsid w:val="000A56DA"/>
    <w:rsid w:val="000B1B39"/>
    <w:rsid w:val="000B30B1"/>
    <w:rsid w:val="000D2B5E"/>
    <w:rsid w:val="000D7256"/>
    <w:rsid w:val="000F5162"/>
    <w:rsid w:val="00103E10"/>
    <w:rsid w:val="0010674C"/>
    <w:rsid w:val="00111046"/>
    <w:rsid w:val="001119EF"/>
    <w:rsid w:val="00113FCC"/>
    <w:rsid w:val="00117D4A"/>
    <w:rsid w:val="0013199B"/>
    <w:rsid w:val="00132525"/>
    <w:rsid w:val="001356EB"/>
    <w:rsid w:val="0014219A"/>
    <w:rsid w:val="00153F86"/>
    <w:rsid w:val="00154EC6"/>
    <w:rsid w:val="00156268"/>
    <w:rsid w:val="00160962"/>
    <w:rsid w:val="00163C96"/>
    <w:rsid w:val="001654EF"/>
    <w:rsid w:val="00167FD1"/>
    <w:rsid w:val="0017238D"/>
    <w:rsid w:val="001812F5"/>
    <w:rsid w:val="00181974"/>
    <w:rsid w:val="00182C21"/>
    <w:rsid w:val="00182E49"/>
    <w:rsid w:val="0018306F"/>
    <w:rsid w:val="00183EBD"/>
    <w:rsid w:val="00185E8A"/>
    <w:rsid w:val="00193DF8"/>
    <w:rsid w:val="001A51C2"/>
    <w:rsid w:val="001B421F"/>
    <w:rsid w:val="001C1AC2"/>
    <w:rsid w:val="001D2DF8"/>
    <w:rsid w:val="001D4DB1"/>
    <w:rsid w:val="001D51DE"/>
    <w:rsid w:val="001D6959"/>
    <w:rsid w:val="00204AF3"/>
    <w:rsid w:val="00211E88"/>
    <w:rsid w:val="00212E83"/>
    <w:rsid w:val="0021445B"/>
    <w:rsid w:val="0024312A"/>
    <w:rsid w:val="00251515"/>
    <w:rsid w:val="00254058"/>
    <w:rsid w:val="00255B80"/>
    <w:rsid w:val="002600AF"/>
    <w:rsid w:val="0026498F"/>
    <w:rsid w:val="002653FF"/>
    <w:rsid w:val="00272F28"/>
    <w:rsid w:val="002771FF"/>
    <w:rsid w:val="0027736C"/>
    <w:rsid w:val="002801C0"/>
    <w:rsid w:val="00280A57"/>
    <w:rsid w:val="00281538"/>
    <w:rsid w:val="002832B2"/>
    <w:rsid w:val="002A244B"/>
    <w:rsid w:val="002B2233"/>
    <w:rsid w:val="002B2746"/>
    <w:rsid w:val="002C055C"/>
    <w:rsid w:val="002C10B9"/>
    <w:rsid w:val="002D0916"/>
    <w:rsid w:val="002D2531"/>
    <w:rsid w:val="002D4799"/>
    <w:rsid w:val="002D5468"/>
    <w:rsid w:val="002E1BE5"/>
    <w:rsid w:val="002E6888"/>
    <w:rsid w:val="002F3543"/>
    <w:rsid w:val="002F6723"/>
    <w:rsid w:val="00300791"/>
    <w:rsid w:val="003023E5"/>
    <w:rsid w:val="00310BE2"/>
    <w:rsid w:val="0032037D"/>
    <w:rsid w:val="00320502"/>
    <w:rsid w:val="003315CD"/>
    <w:rsid w:val="003421C5"/>
    <w:rsid w:val="00355F28"/>
    <w:rsid w:val="00360CF4"/>
    <w:rsid w:val="00364C4F"/>
    <w:rsid w:val="00365292"/>
    <w:rsid w:val="003731EE"/>
    <w:rsid w:val="00375DB0"/>
    <w:rsid w:val="003805CC"/>
    <w:rsid w:val="003840EF"/>
    <w:rsid w:val="003857E3"/>
    <w:rsid w:val="00390355"/>
    <w:rsid w:val="0039058F"/>
    <w:rsid w:val="0039361C"/>
    <w:rsid w:val="003949E5"/>
    <w:rsid w:val="003A706D"/>
    <w:rsid w:val="003A799F"/>
    <w:rsid w:val="003A7CCA"/>
    <w:rsid w:val="003B534C"/>
    <w:rsid w:val="003C4796"/>
    <w:rsid w:val="003D0472"/>
    <w:rsid w:val="003D09D3"/>
    <w:rsid w:val="003D0B74"/>
    <w:rsid w:val="003E0BD7"/>
    <w:rsid w:val="003E18AC"/>
    <w:rsid w:val="003F0895"/>
    <w:rsid w:val="003F77D3"/>
    <w:rsid w:val="00401E53"/>
    <w:rsid w:val="004046F5"/>
    <w:rsid w:val="00404BBC"/>
    <w:rsid w:val="004117A0"/>
    <w:rsid w:val="00411CE3"/>
    <w:rsid w:val="00412C71"/>
    <w:rsid w:val="00416775"/>
    <w:rsid w:val="00421476"/>
    <w:rsid w:val="00422B9C"/>
    <w:rsid w:val="004259D5"/>
    <w:rsid w:val="0043003F"/>
    <w:rsid w:val="004308D8"/>
    <w:rsid w:val="00440F82"/>
    <w:rsid w:val="004466B3"/>
    <w:rsid w:val="00447CF4"/>
    <w:rsid w:val="0045466D"/>
    <w:rsid w:val="00463EA5"/>
    <w:rsid w:val="0046494F"/>
    <w:rsid w:val="00465C08"/>
    <w:rsid w:val="00483312"/>
    <w:rsid w:val="0048693A"/>
    <w:rsid w:val="00492B4F"/>
    <w:rsid w:val="00496112"/>
    <w:rsid w:val="004A6B3E"/>
    <w:rsid w:val="004B09E2"/>
    <w:rsid w:val="004B72D2"/>
    <w:rsid w:val="004C0602"/>
    <w:rsid w:val="004C6453"/>
    <w:rsid w:val="004D30F2"/>
    <w:rsid w:val="004E4A08"/>
    <w:rsid w:val="004E5488"/>
    <w:rsid w:val="004F1848"/>
    <w:rsid w:val="004F40C1"/>
    <w:rsid w:val="004F6EA6"/>
    <w:rsid w:val="0050014A"/>
    <w:rsid w:val="00505F61"/>
    <w:rsid w:val="00510E56"/>
    <w:rsid w:val="005124FB"/>
    <w:rsid w:val="00515212"/>
    <w:rsid w:val="00515219"/>
    <w:rsid w:val="005164F4"/>
    <w:rsid w:val="005205C5"/>
    <w:rsid w:val="00522E29"/>
    <w:rsid w:val="005232B2"/>
    <w:rsid w:val="005374B6"/>
    <w:rsid w:val="0054287A"/>
    <w:rsid w:val="00543861"/>
    <w:rsid w:val="0054394B"/>
    <w:rsid w:val="005536E2"/>
    <w:rsid w:val="005672A9"/>
    <w:rsid w:val="00570A6D"/>
    <w:rsid w:val="0058444A"/>
    <w:rsid w:val="005871C4"/>
    <w:rsid w:val="00592C61"/>
    <w:rsid w:val="00593BC4"/>
    <w:rsid w:val="005A11ED"/>
    <w:rsid w:val="005B1E50"/>
    <w:rsid w:val="005C4F48"/>
    <w:rsid w:val="005C55D4"/>
    <w:rsid w:val="005D220A"/>
    <w:rsid w:val="005D2C5D"/>
    <w:rsid w:val="005E1B4C"/>
    <w:rsid w:val="0060182C"/>
    <w:rsid w:val="00603A5A"/>
    <w:rsid w:val="00606FE0"/>
    <w:rsid w:val="00611F2A"/>
    <w:rsid w:val="00613A10"/>
    <w:rsid w:val="006476A3"/>
    <w:rsid w:val="00650654"/>
    <w:rsid w:val="006562E2"/>
    <w:rsid w:val="00657216"/>
    <w:rsid w:val="00657A71"/>
    <w:rsid w:val="006704D1"/>
    <w:rsid w:val="00675739"/>
    <w:rsid w:val="006851D6"/>
    <w:rsid w:val="00694949"/>
    <w:rsid w:val="00694F53"/>
    <w:rsid w:val="00696E14"/>
    <w:rsid w:val="006A5234"/>
    <w:rsid w:val="006B19ED"/>
    <w:rsid w:val="006B2D6A"/>
    <w:rsid w:val="006B5895"/>
    <w:rsid w:val="006B69B9"/>
    <w:rsid w:val="006B7EF8"/>
    <w:rsid w:val="006C03BB"/>
    <w:rsid w:val="006C1A92"/>
    <w:rsid w:val="006C3873"/>
    <w:rsid w:val="006D3379"/>
    <w:rsid w:val="006E3B02"/>
    <w:rsid w:val="006E3BF2"/>
    <w:rsid w:val="006F5761"/>
    <w:rsid w:val="00701FBA"/>
    <w:rsid w:val="007125AB"/>
    <w:rsid w:val="007131CE"/>
    <w:rsid w:val="00713A87"/>
    <w:rsid w:val="00723184"/>
    <w:rsid w:val="00724B36"/>
    <w:rsid w:val="00725609"/>
    <w:rsid w:val="00727E7E"/>
    <w:rsid w:val="00733772"/>
    <w:rsid w:val="00734EE2"/>
    <w:rsid w:val="007364F2"/>
    <w:rsid w:val="00743C0E"/>
    <w:rsid w:val="00743C2A"/>
    <w:rsid w:val="00744DCE"/>
    <w:rsid w:val="00746946"/>
    <w:rsid w:val="007470F7"/>
    <w:rsid w:val="0075599F"/>
    <w:rsid w:val="00761F76"/>
    <w:rsid w:val="0076262B"/>
    <w:rsid w:val="00764990"/>
    <w:rsid w:val="00764B0A"/>
    <w:rsid w:val="007668B7"/>
    <w:rsid w:val="00770CD9"/>
    <w:rsid w:val="0077109C"/>
    <w:rsid w:val="00776682"/>
    <w:rsid w:val="00776C26"/>
    <w:rsid w:val="007A5DC6"/>
    <w:rsid w:val="007A7A77"/>
    <w:rsid w:val="007B5AAA"/>
    <w:rsid w:val="007B6159"/>
    <w:rsid w:val="007C017F"/>
    <w:rsid w:val="007C15B6"/>
    <w:rsid w:val="007C22FC"/>
    <w:rsid w:val="007C65A1"/>
    <w:rsid w:val="007C7653"/>
    <w:rsid w:val="007D4A0D"/>
    <w:rsid w:val="007E678A"/>
    <w:rsid w:val="007F1868"/>
    <w:rsid w:val="007F52DA"/>
    <w:rsid w:val="008026C5"/>
    <w:rsid w:val="00820EF2"/>
    <w:rsid w:val="00832402"/>
    <w:rsid w:val="00835959"/>
    <w:rsid w:val="00842B25"/>
    <w:rsid w:val="00843CC2"/>
    <w:rsid w:val="00852F10"/>
    <w:rsid w:val="00853F82"/>
    <w:rsid w:val="00855FDB"/>
    <w:rsid w:val="00875111"/>
    <w:rsid w:val="00883632"/>
    <w:rsid w:val="008872AC"/>
    <w:rsid w:val="008A433D"/>
    <w:rsid w:val="008B673A"/>
    <w:rsid w:val="008C3E12"/>
    <w:rsid w:val="008C5C94"/>
    <w:rsid w:val="008D13FD"/>
    <w:rsid w:val="008E0CEE"/>
    <w:rsid w:val="008E4A24"/>
    <w:rsid w:val="008F12B1"/>
    <w:rsid w:val="00906ED1"/>
    <w:rsid w:val="009157CB"/>
    <w:rsid w:val="009164D8"/>
    <w:rsid w:val="00917235"/>
    <w:rsid w:val="00935C6F"/>
    <w:rsid w:val="00936CC2"/>
    <w:rsid w:val="00936EE0"/>
    <w:rsid w:val="00954D74"/>
    <w:rsid w:val="009633F3"/>
    <w:rsid w:val="0096625A"/>
    <w:rsid w:val="009705C0"/>
    <w:rsid w:val="00970F43"/>
    <w:rsid w:val="00971789"/>
    <w:rsid w:val="00972921"/>
    <w:rsid w:val="00977CC1"/>
    <w:rsid w:val="00982D7E"/>
    <w:rsid w:val="00987865"/>
    <w:rsid w:val="00987F21"/>
    <w:rsid w:val="009A01B7"/>
    <w:rsid w:val="009A0A02"/>
    <w:rsid w:val="009A3BD5"/>
    <w:rsid w:val="009A7ACD"/>
    <w:rsid w:val="009C1C8A"/>
    <w:rsid w:val="009C4475"/>
    <w:rsid w:val="009D6AD2"/>
    <w:rsid w:val="009F2DE7"/>
    <w:rsid w:val="009F2E41"/>
    <w:rsid w:val="009F340E"/>
    <w:rsid w:val="009F6CDD"/>
    <w:rsid w:val="00A00597"/>
    <w:rsid w:val="00A0456C"/>
    <w:rsid w:val="00A065A5"/>
    <w:rsid w:val="00A124AC"/>
    <w:rsid w:val="00A137D0"/>
    <w:rsid w:val="00A224F6"/>
    <w:rsid w:val="00A25A7F"/>
    <w:rsid w:val="00A322C7"/>
    <w:rsid w:val="00A370ED"/>
    <w:rsid w:val="00A4318C"/>
    <w:rsid w:val="00A5506A"/>
    <w:rsid w:val="00A55DB0"/>
    <w:rsid w:val="00A60284"/>
    <w:rsid w:val="00A7026F"/>
    <w:rsid w:val="00A70F62"/>
    <w:rsid w:val="00A712FB"/>
    <w:rsid w:val="00A71616"/>
    <w:rsid w:val="00A7170B"/>
    <w:rsid w:val="00A74735"/>
    <w:rsid w:val="00A75275"/>
    <w:rsid w:val="00A86232"/>
    <w:rsid w:val="00A875ED"/>
    <w:rsid w:val="00AA4E56"/>
    <w:rsid w:val="00AB08AD"/>
    <w:rsid w:val="00AB08DF"/>
    <w:rsid w:val="00AB2C4D"/>
    <w:rsid w:val="00AB3951"/>
    <w:rsid w:val="00AC0973"/>
    <w:rsid w:val="00AC2664"/>
    <w:rsid w:val="00AC5EB3"/>
    <w:rsid w:val="00AD6A83"/>
    <w:rsid w:val="00AE33B8"/>
    <w:rsid w:val="00B00DA8"/>
    <w:rsid w:val="00B01510"/>
    <w:rsid w:val="00B070F2"/>
    <w:rsid w:val="00B07B61"/>
    <w:rsid w:val="00B20084"/>
    <w:rsid w:val="00B26038"/>
    <w:rsid w:val="00B34EF8"/>
    <w:rsid w:val="00B42AF0"/>
    <w:rsid w:val="00B45792"/>
    <w:rsid w:val="00B519EE"/>
    <w:rsid w:val="00B52D5E"/>
    <w:rsid w:val="00B5396E"/>
    <w:rsid w:val="00B604A6"/>
    <w:rsid w:val="00B75974"/>
    <w:rsid w:val="00B81BFF"/>
    <w:rsid w:val="00B9549B"/>
    <w:rsid w:val="00BC16A9"/>
    <w:rsid w:val="00BC5ECE"/>
    <w:rsid w:val="00BC7DC4"/>
    <w:rsid w:val="00BD05C7"/>
    <w:rsid w:val="00BD3834"/>
    <w:rsid w:val="00BE0AC7"/>
    <w:rsid w:val="00BE42D0"/>
    <w:rsid w:val="00BF39BC"/>
    <w:rsid w:val="00C04F35"/>
    <w:rsid w:val="00C145E1"/>
    <w:rsid w:val="00C1645F"/>
    <w:rsid w:val="00C21BAD"/>
    <w:rsid w:val="00C23021"/>
    <w:rsid w:val="00C27FAF"/>
    <w:rsid w:val="00C432A0"/>
    <w:rsid w:val="00C479D8"/>
    <w:rsid w:val="00C53BD1"/>
    <w:rsid w:val="00C63795"/>
    <w:rsid w:val="00C95556"/>
    <w:rsid w:val="00C9708F"/>
    <w:rsid w:val="00CB0414"/>
    <w:rsid w:val="00CB1BA9"/>
    <w:rsid w:val="00CB4347"/>
    <w:rsid w:val="00CB65AC"/>
    <w:rsid w:val="00CD21C2"/>
    <w:rsid w:val="00CD781A"/>
    <w:rsid w:val="00CD7FC0"/>
    <w:rsid w:val="00CE39ED"/>
    <w:rsid w:val="00CE71CA"/>
    <w:rsid w:val="00CF3208"/>
    <w:rsid w:val="00CF405C"/>
    <w:rsid w:val="00D03615"/>
    <w:rsid w:val="00D03B5D"/>
    <w:rsid w:val="00D11200"/>
    <w:rsid w:val="00D211C9"/>
    <w:rsid w:val="00D250E8"/>
    <w:rsid w:val="00D412E5"/>
    <w:rsid w:val="00D41850"/>
    <w:rsid w:val="00D45DF8"/>
    <w:rsid w:val="00D514A1"/>
    <w:rsid w:val="00D543D7"/>
    <w:rsid w:val="00D630E3"/>
    <w:rsid w:val="00D66D15"/>
    <w:rsid w:val="00D771BA"/>
    <w:rsid w:val="00D847B1"/>
    <w:rsid w:val="00D84DF0"/>
    <w:rsid w:val="00D967C4"/>
    <w:rsid w:val="00DA0E11"/>
    <w:rsid w:val="00DA4737"/>
    <w:rsid w:val="00DA609F"/>
    <w:rsid w:val="00DB1CE3"/>
    <w:rsid w:val="00DC0870"/>
    <w:rsid w:val="00DD038B"/>
    <w:rsid w:val="00DD4898"/>
    <w:rsid w:val="00DF21D6"/>
    <w:rsid w:val="00E015C2"/>
    <w:rsid w:val="00E01F5A"/>
    <w:rsid w:val="00E0227D"/>
    <w:rsid w:val="00E0757F"/>
    <w:rsid w:val="00E14843"/>
    <w:rsid w:val="00E22E1B"/>
    <w:rsid w:val="00E27291"/>
    <w:rsid w:val="00E27CFA"/>
    <w:rsid w:val="00E34700"/>
    <w:rsid w:val="00E502C8"/>
    <w:rsid w:val="00E511B1"/>
    <w:rsid w:val="00E60D2B"/>
    <w:rsid w:val="00E71AD7"/>
    <w:rsid w:val="00E871D3"/>
    <w:rsid w:val="00E874F6"/>
    <w:rsid w:val="00EA0AFC"/>
    <w:rsid w:val="00EA4012"/>
    <w:rsid w:val="00EA5D34"/>
    <w:rsid w:val="00EC61E5"/>
    <w:rsid w:val="00ED1BBA"/>
    <w:rsid w:val="00EE2C79"/>
    <w:rsid w:val="00EF1BD9"/>
    <w:rsid w:val="00EF439C"/>
    <w:rsid w:val="00F01CAF"/>
    <w:rsid w:val="00F01D5D"/>
    <w:rsid w:val="00F024F1"/>
    <w:rsid w:val="00F02CAD"/>
    <w:rsid w:val="00F103BF"/>
    <w:rsid w:val="00F10D27"/>
    <w:rsid w:val="00F10E99"/>
    <w:rsid w:val="00F14E5F"/>
    <w:rsid w:val="00F17B74"/>
    <w:rsid w:val="00F225AE"/>
    <w:rsid w:val="00F228B9"/>
    <w:rsid w:val="00F249B7"/>
    <w:rsid w:val="00F276F6"/>
    <w:rsid w:val="00F336C7"/>
    <w:rsid w:val="00F47966"/>
    <w:rsid w:val="00F56784"/>
    <w:rsid w:val="00F62319"/>
    <w:rsid w:val="00F716C4"/>
    <w:rsid w:val="00F73377"/>
    <w:rsid w:val="00F854BB"/>
    <w:rsid w:val="00F869DC"/>
    <w:rsid w:val="00F94D82"/>
    <w:rsid w:val="00FA13F7"/>
    <w:rsid w:val="00FC00A2"/>
    <w:rsid w:val="00FC2B92"/>
    <w:rsid w:val="00FC2D44"/>
    <w:rsid w:val="00FD459A"/>
    <w:rsid w:val="00FD6BE1"/>
    <w:rsid w:val="00FE1B07"/>
    <w:rsid w:val="00FF1739"/>
    <w:rsid w:val="00FF4B36"/>
    <w:rsid w:val="00FF60E1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1" w:unhideWhenUsed="0" w:qFormat="1"/>
    <w:lsdException w:name="heading 2" w:uiPriority="1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 w:qFormat="1"/>
    <w:lsdException w:name="toc 2" w:uiPriority="39" w:qFormat="1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" w:unhideWhenUsed="0" w:qFormat="1"/>
    <w:lsdException w:name="Default Paragraph Font" w:uiPriority="1"/>
    <w:lsdException w:name="Body Text" w:uiPriority="1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1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6B19ED"/>
  </w:style>
  <w:style w:type="paragraph" w:styleId="1">
    <w:name w:val="heading 1"/>
    <w:basedOn w:val="a"/>
    <w:next w:val="a"/>
    <w:link w:val="10"/>
    <w:uiPriority w:val="1"/>
    <w:qFormat/>
    <w:rsid w:val="007364F2"/>
    <w:pPr>
      <w:keepNext/>
      <w:keepLines/>
      <w:spacing w:before="100" w:beforeAutospacing="1" w:after="100" w:afterAutospacing="1" w:line="240" w:lineRule="auto"/>
      <w:jc w:val="center"/>
      <w:outlineLvl w:val="0"/>
    </w:pPr>
    <w:rPr>
      <w:rFonts w:ascii="Times New Roman" w:eastAsiaTheme="majorEastAsia" w:hAnsi="Times New Roman" w:cstheme="majorBidi"/>
      <w:b/>
      <w:bCs/>
      <w:sz w:val="32"/>
      <w:szCs w:val="28"/>
      <w:lang w:val="en-US"/>
    </w:rPr>
  </w:style>
  <w:style w:type="paragraph" w:styleId="2">
    <w:name w:val="heading 2"/>
    <w:basedOn w:val="1"/>
    <w:next w:val="a"/>
    <w:link w:val="20"/>
    <w:uiPriority w:val="1"/>
    <w:unhideWhenUsed/>
    <w:qFormat/>
    <w:rsid w:val="00185E8A"/>
    <w:pPr>
      <w:spacing w:before="200" w:after="0" w:line="360" w:lineRule="auto"/>
      <w:outlineLvl w:val="1"/>
    </w:pPr>
    <w:rPr>
      <w:rFonts w:eastAsia="Times New Roman" w:cs="Times New Roman"/>
      <w:sz w:val="28"/>
      <w:szCs w:val="26"/>
    </w:rPr>
  </w:style>
  <w:style w:type="paragraph" w:styleId="3">
    <w:name w:val="heading 3"/>
    <w:basedOn w:val="1"/>
    <w:next w:val="a"/>
    <w:link w:val="30"/>
    <w:uiPriority w:val="9"/>
    <w:unhideWhenUsed/>
    <w:qFormat/>
    <w:rsid w:val="007364F2"/>
    <w:pPr>
      <w:spacing w:before="200" w:after="0"/>
      <w:outlineLvl w:val="2"/>
    </w:pPr>
    <w:rPr>
      <w:rFonts w:eastAsia="Times New Roman" w:cs="Times New Roman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rsid w:val="00A4318C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header"/>
    <w:basedOn w:val="a"/>
    <w:link w:val="a5"/>
    <w:uiPriority w:val="99"/>
    <w:unhideWhenUsed/>
    <w:rsid w:val="00FC2D44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5">
    <w:name w:val="Верхний колонтитул Знак"/>
    <w:basedOn w:val="a0"/>
    <w:link w:val="a4"/>
    <w:uiPriority w:val="99"/>
    <w:rsid w:val="00FC2D44"/>
  </w:style>
  <w:style w:type="paragraph" w:styleId="a6">
    <w:name w:val="footer"/>
    <w:basedOn w:val="a"/>
    <w:link w:val="a7"/>
    <w:uiPriority w:val="99"/>
    <w:unhideWhenUsed/>
    <w:rsid w:val="00FC2D44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7">
    <w:name w:val="Нижний колонтитул Знак"/>
    <w:basedOn w:val="a0"/>
    <w:link w:val="a6"/>
    <w:uiPriority w:val="99"/>
    <w:rsid w:val="00FC2D44"/>
  </w:style>
  <w:style w:type="paragraph" w:styleId="a8">
    <w:name w:val="List Paragraph"/>
    <w:basedOn w:val="a"/>
    <w:uiPriority w:val="1"/>
    <w:qFormat/>
    <w:rsid w:val="00404BBC"/>
    <w:pPr>
      <w:ind w:left="720"/>
      <w:contextualSpacing/>
    </w:pPr>
  </w:style>
  <w:style w:type="character" w:customStyle="1" w:styleId="10">
    <w:name w:val="Заголовок 1 Знак"/>
    <w:basedOn w:val="a0"/>
    <w:link w:val="1"/>
    <w:uiPriority w:val="1"/>
    <w:rsid w:val="007364F2"/>
    <w:rPr>
      <w:rFonts w:ascii="Times New Roman" w:eastAsiaTheme="majorEastAsia" w:hAnsi="Times New Roman" w:cstheme="majorBidi"/>
      <w:b/>
      <w:bCs/>
      <w:sz w:val="32"/>
      <w:szCs w:val="28"/>
      <w:lang w:val="en-US"/>
    </w:rPr>
  </w:style>
  <w:style w:type="paragraph" w:styleId="a9">
    <w:name w:val="Normal (Web)"/>
    <w:basedOn w:val="a"/>
    <w:uiPriority w:val="99"/>
    <w:rsid w:val="00A71616"/>
    <w:pPr>
      <w:spacing w:before="280" w:after="280" w:line="240" w:lineRule="auto"/>
      <w:jc w:val="both"/>
    </w:pPr>
    <w:rPr>
      <w:rFonts w:ascii="Times New Roman" w:eastAsia="Times New Roman" w:hAnsi="Times New Roman" w:cs="Times New Roman"/>
      <w:sz w:val="24"/>
      <w:szCs w:val="24"/>
      <w:lang w:eastAsia="zh-CN"/>
    </w:rPr>
  </w:style>
  <w:style w:type="character" w:styleId="aa">
    <w:name w:val="Strong"/>
    <w:basedOn w:val="a0"/>
    <w:uiPriority w:val="22"/>
    <w:qFormat/>
    <w:rsid w:val="00A71616"/>
    <w:rPr>
      <w:b/>
      <w:bCs/>
    </w:rPr>
  </w:style>
  <w:style w:type="paragraph" w:customStyle="1" w:styleId="TableParagraph">
    <w:name w:val="Table Paragraph"/>
    <w:basedOn w:val="a"/>
    <w:uiPriority w:val="1"/>
    <w:qFormat/>
    <w:rsid w:val="00035DBF"/>
    <w:pPr>
      <w:widowControl w:val="0"/>
      <w:autoSpaceDE w:val="0"/>
      <w:autoSpaceDN w:val="0"/>
      <w:spacing w:after="0" w:line="240" w:lineRule="auto"/>
      <w:ind w:left="107"/>
    </w:pPr>
    <w:rPr>
      <w:rFonts w:ascii="Times New Roman" w:eastAsia="Times New Roman" w:hAnsi="Times New Roman" w:cs="Times New Roman"/>
    </w:rPr>
  </w:style>
  <w:style w:type="character" w:customStyle="1" w:styleId="20">
    <w:name w:val="Заголовок 2 Знак"/>
    <w:basedOn w:val="a0"/>
    <w:link w:val="2"/>
    <w:uiPriority w:val="1"/>
    <w:rsid w:val="00185E8A"/>
    <w:rPr>
      <w:rFonts w:ascii="Times New Roman" w:eastAsia="Times New Roman" w:hAnsi="Times New Roman" w:cs="Times New Roman"/>
      <w:b/>
      <w:bCs/>
      <w:sz w:val="28"/>
      <w:szCs w:val="26"/>
      <w:lang w:val="en-US"/>
    </w:rPr>
  </w:style>
  <w:style w:type="character" w:customStyle="1" w:styleId="30">
    <w:name w:val="Заголовок 3 Знак"/>
    <w:basedOn w:val="a0"/>
    <w:link w:val="3"/>
    <w:uiPriority w:val="9"/>
    <w:rsid w:val="007364F2"/>
    <w:rPr>
      <w:rFonts w:ascii="Times New Roman" w:eastAsia="Times New Roman" w:hAnsi="Times New Roman" w:cs="Times New Roman"/>
      <w:b/>
      <w:bCs/>
      <w:sz w:val="24"/>
      <w:szCs w:val="24"/>
      <w:lang w:val="en-US"/>
    </w:rPr>
  </w:style>
  <w:style w:type="table" w:customStyle="1" w:styleId="TableNormal">
    <w:name w:val="Table Normal"/>
    <w:uiPriority w:val="2"/>
    <w:semiHidden/>
    <w:unhideWhenUsed/>
    <w:qFormat/>
    <w:rsid w:val="00B81BFF"/>
    <w:pPr>
      <w:widowControl w:val="0"/>
      <w:autoSpaceDE w:val="0"/>
      <w:autoSpaceDN w:val="0"/>
      <w:spacing w:after="0" w:line="240" w:lineRule="auto"/>
    </w:pPr>
    <w:rPr>
      <w:lang w:val="en-US"/>
    </w:rPr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styleId="ab">
    <w:name w:val="Body Text"/>
    <w:basedOn w:val="a"/>
    <w:link w:val="ac"/>
    <w:uiPriority w:val="1"/>
    <w:unhideWhenUsed/>
    <w:qFormat/>
    <w:rsid w:val="00B81BFF"/>
    <w:pPr>
      <w:spacing w:after="120"/>
    </w:pPr>
  </w:style>
  <w:style w:type="character" w:customStyle="1" w:styleId="ac">
    <w:name w:val="Основной текст Знак"/>
    <w:basedOn w:val="a0"/>
    <w:link w:val="ab"/>
    <w:uiPriority w:val="1"/>
    <w:semiHidden/>
    <w:rsid w:val="00B81BFF"/>
  </w:style>
  <w:style w:type="paragraph" w:styleId="ad">
    <w:name w:val="Balloon Text"/>
    <w:basedOn w:val="a"/>
    <w:link w:val="ae"/>
    <w:uiPriority w:val="99"/>
    <w:semiHidden/>
    <w:unhideWhenUsed/>
    <w:rsid w:val="00B81BF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e">
    <w:name w:val="Текст выноски Знак"/>
    <w:basedOn w:val="a0"/>
    <w:link w:val="ad"/>
    <w:uiPriority w:val="99"/>
    <w:semiHidden/>
    <w:rsid w:val="00B81BFF"/>
    <w:rPr>
      <w:rFonts w:ascii="Tahoma" w:hAnsi="Tahoma" w:cs="Tahoma"/>
      <w:sz w:val="16"/>
      <w:szCs w:val="16"/>
    </w:rPr>
  </w:style>
  <w:style w:type="character" w:customStyle="1" w:styleId="CharAttribute484">
    <w:name w:val="CharAttribute484"/>
    <w:uiPriority w:val="99"/>
    <w:rsid w:val="00B81BFF"/>
    <w:rPr>
      <w:rFonts w:ascii="Times New Roman" w:eastAsia="Times New Roman"/>
      <w:i/>
      <w:sz w:val="28"/>
    </w:rPr>
  </w:style>
  <w:style w:type="paragraph" w:customStyle="1" w:styleId="ParaAttribute16">
    <w:name w:val="ParaAttribute16"/>
    <w:uiPriority w:val="99"/>
    <w:rsid w:val="00B81BFF"/>
    <w:pPr>
      <w:spacing w:after="0" w:line="240" w:lineRule="auto"/>
      <w:ind w:left="1080"/>
      <w:jc w:val="both"/>
    </w:pPr>
    <w:rPr>
      <w:rFonts w:ascii="Times New Roman" w:eastAsia="№Е" w:hAnsi="Times New Roman" w:cs="Times New Roman"/>
      <w:sz w:val="20"/>
      <w:szCs w:val="20"/>
      <w:lang w:eastAsia="ru-RU"/>
    </w:rPr>
  </w:style>
  <w:style w:type="paragraph" w:customStyle="1" w:styleId="11">
    <w:name w:val="Заголовок 11"/>
    <w:basedOn w:val="a"/>
    <w:next w:val="a"/>
    <w:uiPriority w:val="9"/>
    <w:qFormat/>
    <w:rsid w:val="00B81BFF"/>
    <w:pPr>
      <w:keepNext/>
      <w:keepLines/>
      <w:spacing w:before="240" w:after="0" w:line="259" w:lineRule="auto"/>
      <w:outlineLvl w:val="0"/>
    </w:pPr>
    <w:rPr>
      <w:rFonts w:ascii="Calibri Light" w:eastAsia="Times New Roman" w:hAnsi="Calibri Light" w:cs="Times New Roman"/>
      <w:color w:val="2F5496"/>
      <w:sz w:val="32"/>
      <w:szCs w:val="32"/>
    </w:rPr>
  </w:style>
  <w:style w:type="paragraph" w:customStyle="1" w:styleId="31">
    <w:name w:val="Заголовок 31"/>
    <w:basedOn w:val="a"/>
    <w:next w:val="a"/>
    <w:uiPriority w:val="9"/>
    <w:semiHidden/>
    <w:unhideWhenUsed/>
    <w:qFormat/>
    <w:rsid w:val="00B81BFF"/>
    <w:pPr>
      <w:keepNext/>
      <w:keepLines/>
      <w:spacing w:before="40" w:after="0" w:line="259" w:lineRule="auto"/>
      <w:outlineLvl w:val="2"/>
    </w:pPr>
    <w:rPr>
      <w:rFonts w:ascii="Calibri Light" w:eastAsia="Times New Roman" w:hAnsi="Calibri Light" w:cs="Times New Roman"/>
      <w:color w:val="1F3763"/>
      <w:sz w:val="24"/>
      <w:szCs w:val="24"/>
    </w:rPr>
  </w:style>
  <w:style w:type="numbering" w:customStyle="1" w:styleId="12">
    <w:name w:val="Нет списка1"/>
    <w:next w:val="a2"/>
    <w:uiPriority w:val="99"/>
    <w:semiHidden/>
    <w:unhideWhenUsed/>
    <w:rsid w:val="00B81BFF"/>
  </w:style>
  <w:style w:type="paragraph" w:customStyle="1" w:styleId="Default">
    <w:name w:val="Default"/>
    <w:rsid w:val="00B81BFF"/>
    <w:pPr>
      <w:autoSpaceDE w:val="0"/>
      <w:autoSpaceDN w:val="0"/>
      <w:adjustRightInd w:val="0"/>
      <w:spacing w:after="0" w:line="240" w:lineRule="auto"/>
    </w:pPr>
    <w:rPr>
      <w:rFonts w:ascii="Times New Roman" w:hAnsi="Times New Roman" w:cs="Times New Roman"/>
      <w:color w:val="000000"/>
      <w:sz w:val="24"/>
      <w:szCs w:val="24"/>
    </w:rPr>
  </w:style>
  <w:style w:type="table" w:customStyle="1" w:styleId="TableGrid">
    <w:name w:val="TableGrid"/>
    <w:rsid w:val="00B81BFF"/>
    <w:pPr>
      <w:spacing w:after="0" w:line="240" w:lineRule="auto"/>
    </w:pPr>
    <w:rPr>
      <w:rFonts w:eastAsia="Times New Roman"/>
      <w:lang w:eastAsia="ru-RU"/>
    </w:rPr>
    <w:tblPr>
      <w:tblCellMar>
        <w:top w:w="0" w:type="dxa"/>
        <w:left w:w="0" w:type="dxa"/>
        <w:bottom w:w="0" w:type="dxa"/>
        <w:right w:w="0" w:type="dxa"/>
      </w:tblCellMar>
    </w:tblPr>
  </w:style>
  <w:style w:type="table" w:customStyle="1" w:styleId="TableGrid1">
    <w:name w:val="TableGrid1"/>
    <w:rsid w:val="00B81BFF"/>
    <w:pPr>
      <w:spacing w:after="0" w:line="240" w:lineRule="auto"/>
    </w:pPr>
    <w:rPr>
      <w:rFonts w:eastAsia="Times New Roman"/>
      <w:lang w:eastAsia="ru-RU"/>
    </w:rPr>
    <w:tblPr>
      <w:tblCellMar>
        <w:top w:w="0" w:type="dxa"/>
        <w:left w:w="0" w:type="dxa"/>
        <w:bottom w:w="0" w:type="dxa"/>
        <w:right w:w="0" w:type="dxa"/>
      </w:tblCellMar>
    </w:tblPr>
  </w:style>
  <w:style w:type="character" w:customStyle="1" w:styleId="footnotemark">
    <w:name w:val="footnote mark"/>
    <w:hidden/>
    <w:rsid w:val="00B81BFF"/>
    <w:rPr>
      <w:rFonts w:ascii="Times New Roman" w:eastAsia="Times New Roman" w:hAnsi="Times New Roman" w:cs="Times New Roman"/>
      <w:color w:val="000000"/>
      <w:sz w:val="20"/>
      <w:vertAlign w:val="superscript"/>
    </w:rPr>
  </w:style>
  <w:style w:type="table" w:customStyle="1" w:styleId="TableGrid2">
    <w:name w:val="TableGrid2"/>
    <w:rsid w:val="00B81BFF"/>
    <w:pPr>
      <w:spacing w:after="0" w:line="240" w:lineRule="auto"/>
    </w:pPr>
    <w:rPr>
      <w:rFonts w:eastAsia="Times New Roman"/>
      <w:lang w:eastAsia="ru-RU"/>
    </w:rPr>
    <w:tblPr>
      <w:tblCellMar>
        <w:top w:w="0" w:type="dxa"/>
        <w:left w:w="0" w:type="dxa"/>
        <w:bottom w:w="0" w:type="dxa"/>
        <w:right w:w="0" w:type="dxa"/>
      </w:tblCellMar>
    </w:tblPr>
  </w:style>
  <w:style w:type="numbering" w:customStyle="1" w:styleId="110">
    <w:name w:val="Нет списка11"/>
    <w:next w:val="a2"/>
    <w:uiPriority w:val="99"/>
    <w:semiHidden/>
    <w:unhideWhenUsed/>
    <w:rsid w:val="00B81BFF"/>
  </w:style>
  <w:style w:type="table" w:customStyle="1" w:styleId="TableGrid3">
    <w:name w:val="TableGrid3"/>
    <w:rsid w:val="00B81BFF"/>
    <w:pPr>
      <w:spacing w:after="0" w:line="240" w:lineRule="auto"/>
    </w:pPr>
    <w:rPr>
      <w:rFonts w:eastAsia="Times New Roman"/>
      <w:lang w:eastAsia="ru-RU"/>
    </w:rPr>
    <w:tblPr>
      <w:tblCellMar>
        <w:top w:w="0" w:type="dxa"/>
        <w:left w:w="0" w:type="dxa"/>
        <w:bottom w:w="0" w:type="dxa"/>
        <w:right w:w="0" w:type="dxa"/>
      </w:tblCellMar>
    </w:tblPr>
  </w:style>
  <w:style w:type="table" w:customStyle="1" w:styleId="TableGrid11">
    <w:name w:val="TableGrid11"/>
    <w:rsid w:val="00B81BFF"/>
    <w:pPr>
      <w:spacing w:after="0" w:line="240" w:lineRule="auto"/>
    </w:pPr>
    <w:rPr>
      <w:rFonts w:eastAsia="Times New Roman"/>
      <w:lang w:eastAsia="ru-RU"/>
    </w:rPr>
    <w:tblPr>
      <w:tblCellMar>
        <w:top w:w="0" w:type="dxa"/>
        <w:left w:w="0" w:type="dxa"/>
        <w:bottom w:w="0" w:type="dxa"/>
        <w:right w:w="0" w:type="dxa"/>
      </w:tblCellMar>
    </w:tblPr>
  </w:style>
  <w:style w:type="table" w:customStyle="1" w:styleId="TableGrid21">
    <w:name w:val="TableGrid21"/>
    <w:rsid w:val="00B81BFF"/>
    <w:pPr>
      <w:spacing w:after="0" w:line="240" w:lineRule="auto"/>
    </w:pPr>
    <w:rPr>
      <w:rFonts w:eastAsia="Times New Roman"/>
      <w:lang w:eastAsia="ru-RU"/>
    </w:rPr>
    <w:tblPr>
      <w:tblCellMar>
        <w:top w:w="0" w:type="dxa"/>
        <w:left w:w="0" w:type="dxa"/>
        <w:bottom w:w="0" w:type="dxa"/>
        <w:right w:w="0" w:type="dxa"/>
      </w:tblCellMar>
    </w:tblPr>
  </w:style>
  <w:style w:type="character" w:customStyle="1" w:styleId="111">
    <w:name w:val="Заголовок 1 Знак1"/>
    <w:basedOn w:val="a0"/>
    <w:uiPriority w:val="9"/>
    <w:rsid w:val="00B81BFF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customStyle="1" w:styleId="310">
    <w:name w:val="Заголовок 3 Знак1"/>
    <w:basedOn w:val="a0"/>
    <w:uiPriority w:val="9"/>
    <w:semiHidden/>
    <w:rsid w:val="00B81BFF"/>
    <w:rPr>
      <w:rFonts w:asciiTheme="majorHAnsi" w:eastAsiaTheme="majorEastAsia" w:hAnsiTheme="majorHAnsi" w:cstheme="majorBidi"/>
      <w:b/>
      <w:bCs/>
      <w:color w:val="4F81BD" w:themeColor="accent1"/>
    </w:rPr>
  </w:style>
  <w:style w:type="numbering" w:customStyle="1" w:styleId="21">
    <w:name w:val="Нет списка2"/>
    <w:next w:val="a2"/>
    <w:uiPriority w:val="99"/>
    <w:semiHidden/>
    <w:unhideWhenUsed/>
    <w:rsid w:val="00B81BFF"/>
  </w:style>
  <w:style w:type="numbering" w:customStyle="1" w:styleId="120">
    <w:name w:val="Нет списка12"/>
    <w:next w:val="a2"/>
    <w:uiPriority w:val="99"/>
    <w:semiHidden/>
    <w:unhideWhenUsed/>
    <w:rsid w:val="00B81BFF"/>
  </w:style>
  <w:style w:type="paragraph" w:customStyle="1" w:styleId="210">
    <w:name w:val="Заголовок 21"/>
    <w:basedOn w:val="a"/>
    <w:next w:val="a"/>
    <w:uiPriority w:val="9"/>
    <w:semiHidden/>
    <w:unhideWhenUsed/>
    <w:qFormat/>
    <w:rsid w:val="00B81BFF"/>
    <w:pPr>
      <w:keepNext/>
      <w:keepLines/>
      <w:spacing w:before="40" w:after="0" w:line="259" w:lineRule="auto"/>
      <w:outlineLvl w:val="1"/>
    </w:pPr>
    <w:rPr>
      <w:rFonts w:ascii="Calibri Light" w:eastAsia="Times New Roman" w:hAnsi="Calibri Light" w:cs="Times New Roman"/>
      <w:color w:val="2E74B5"/>
      <w:sz w:val="26"/>
      <w:szCs w:val="26"/>
    </w:rPr>
  </w:style>
  <w:style w:type="numbering" w:customStyle="1" w:styleId="32">
    <w:name w:val="Нет списка3"/>
    <w:next w:val="a2"/>
    <w:uiPriority w:val="99"/>
    <w:semiHidden/>
    <w:unhideWhenUsed/>
    <w:rsid w:val="00B81BFF"/>
  </w:style>
  <w:style w:type="paragraph" w:styleId="af">
    <w:name w:val="No Spacing"/>
    <w:uiPriority w:val="1"/>
    <w:qFormat/>
    <w:rsid w:val="00B81BFF"/>
    <w:pPr>
      <w:spacing w:after="0" w:line="240" w:lineRule="auto"/>
    </w:pPr>
  </w:style>
  <w:style w:type="character" w:customStyle="1" w:styleId="control">
    <w:name w:val="control"/>
    <w:basedOn w:val="a0"/>
    <w:rsid w:val="00B81BFF"/>
  </w:style>
  <w:style w:type="table" w:customStyle="1" w:styleId="13">
    <w:name w:val="Сетка таблицы1"/>
    <w:basedOn w:val="a1"/>
    <w:next w:val="a3"/>
    <w:rsid w:val="00B81BFF"/>
    <w:pPr>
      <w:spacing w:after="0" w:line="240" w:lineRule="auto"/>
      <w:ind w:firstLine="709"/>
      <w:jc w:val="both"/>
    </w:pPr>
    <w:rPr>
      <w:rFonts w:ascii="Times New Roman" w:eastAsia="Times New Roman" w:hAnsi="Times New Roman" w:cs="Times New Roman"/>
      <w:sz w:val="20"/>
      <w:szCs w:val="20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211">
    <w:name w:val="Заголовок 2 Знак1"/>
    <w:basedOn w:val="a0"/>
    <w:uiPriority w:val="9"/>
    <w:semiHidden/>
    <w:rsid w:val="00B81BFF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customStyle="1" w:styleId="121">
    <w:name w:val="Заголовок 12"/>
    <w:basedOn w:val="a"/>
    <w:uiPriority w:val="1"/>
    <w:rsid w:val="00D967C4"/>
    <w:pPr>
      <w:widowControl w:val="0"/>
      <w:autoSpaceDE w:val="0"/>
      <w:autoSpaceDN w:val="0"/>
      <w:spacing w:before="232" w:after="0" w:line="240" w:lineRule="auto"/>
      <w:ind w:left="2236" w:right="2399"/>
      <w:jc w:val="center"/>
      <w:outlineLvl w:val="1"/>
    </w:pPr>
    <w:rPr>
      <w:rFonts w:ascii="Times New Roman" w:eastAsia="Times New Roman" w:hAnsi="Times New Roman" w:cs="Times New Roman"/>
      <w:b/>
      <w:bCs/>
      <w:sz w:val="32"/>
      <w:szCs w:val="32"/>
    </w:rPr>
  </w:style>
  <w:style w:type="paragraph" w:styleId="14">
    <w:name w:val="toc 1"/>
    <w:basedOn w:val="a"/>
    <w:autoRedefine/>
    <w:uiPriority w:val="39"/>
    <w:unhideWhenUsed/>
    <w:qFormat/>
    <w:rsid w:val="002A244B"/>
    <w:pPr>
      <w:widowControl w:val="0"/>
      <w:autoSpaceDE w:val="0"/>
      <w:autoSpaceDN w:val="0"/>
      <w:spacing w:after="0" w:line="322" w:lineRule="exact"/>
      <w:ind w:left="233"/>
    </w:pPr>
    <w:rPr>
      <w:rFonts w:ascii="Times New Roman" w:eastAsia="Times New Roman" w:hAnsi="Times New Roman" w:cs="Times New Roman"/>
      <w:sz w:val="28"/>
      <w:szCs w:val="28"/>
    </w:rPr>
  </w:style>
  <w:style w:type="paragraph" w:styleId="22">
    <w:name w:val="toc 2"/>
    <w:basedOn w:val="a"/>
    <w:autoRedefine/>
    <w:uiPriority w:val="39"/>
    <w:unhideWhenUsed/>
    <w:qFormat/>
    <w:rsid w:val="002A244B"/>
    <w:pPr>
      <w:widowControl w:val="0"/>
      <w:autoSpaceDE w:val="0"/>
      <w:autoSpaceDN w:val="0"/>
      <w:spacing w:after="0" w:line="322" w:lineRule="exact"/>
      <w:ind w:left="303"/>
    </w:pPr>
    <w:rPr>
      <w:rFonts w:ascii="Times New Roman" w:eastAsia="Times New Roman" w:hAnsi="Times New Roman" w:cs="Times New Roman"/>
      <w:sz w:val="28"/>
      <w:szCs w:val="28"/>
    </w:rPr>
  </w:style>
  <w:style w:type="paragraph" w:styleId="af0">
    <w:name w:val="Title"/>
    <w:basedOn w:val="a"/>
    <w:link w:val="af1"/>
    <w:uiPriority w:val="1"/>
    <w:qFormat/>
    <w:rsid w:val="002A244B"/>
    <w:pPr>
      <w:widowControl w:val="0"/>
      <w:autoSpaceDE w:val="0"/>
      <w:autoSpaceDN w:val="0"/>
      <w:spacing w:after="0" w:line="240" w:lineRule="auto"/>
      <w:ind w:left="942" w:right="781"/>
      <w:jc w:val="center"/>
    </w:pPr>
    <w:rPr>
      <w:rFonts w:ascii="Times New Roman" w:eastAsia="Times New Roman" w:hAnsi="Times New Roman" w:cs="Times New Roman"/>
      <w:sz w:val="32"/>
      <w:szCs w:val="32"/>
    </w:rPr>
  </w:style>
  <w:style w:type="character" w:customStyle="1" w:styleId="af1">
    <w:name w:val="Название Знак"/>
    <w:basedOn w:val="a0"/>
    <w:link w:val="af0"/>
    <w:uiPriority w:val="1"/>
    <w:rsid w:val="002A244B"/>
    <w:rPr>
      <w:rFonts w:ascii="Times New Roman" w:eastAsia="Times New Roman" w:hAnsi="Times New Roman" w:cs="Times New Roman"/>
      <w:sz w:val="32"/>
      <w:szCs w:val="32"/>
    </w:rPr>
  </w:style>
  <w:style w:type="paragraph" w:styleId="af2">
    <w:name w:val="TOC Heading"/>
    <w:basedOn w:val="1"/>
    <w:next w:val="a"/>
    <w:uiPriority w:val="39"/>
    <w:unhideWhenUsed/>
    <w:qFormat/>
    <w:rsid w:val="00185E8A"/>
    <w:pPr>
      <w:spacing w:before="240" w:beforeAutospacing="0" w:after="0" w:afterAutospacing="0" w:line="259" w:lineRule="auto"/>
      <w:outlineLvl w:val="9"/>
    </w:pPr>
    <w:rPr>
      <w:b w:val="0"/>
      <w:bCs w:val="0"/>
      <w:szCs w:val="32"/>
      <w:lang w:val="ru-RU" w:eastAsia="ru-RU"/>
    </w:rPr>
  </w:style>
  <w:style w:type="paragraph" w:styleId="33">
    <w:name w:val="toc 3"/>
    <w:basedOn w:val="a"/>
    <w:next w:val="a"/>
    <w:autoRedefine/>
    <w:uiPriority w:val="39"/>
    <w:unhideWhenUsed/>
    <w:rsid w:val="00185E8A"/>
    <w:pPr>
      <w:spacing w:after="100" w:line="259" w:lineRule="auto"/>
      <w:ind w:left="440"/>
    </w:pPr>
    <w:rPr>
      <w:rFonts w:eastAsiaTheme="minorEastAsia" w:cs="Times New Roman"/>
      <w:lang w:eastAsia="ru-RU"/>
    </w:rPr>
  </w:style>
  <w:style w:type="character" w:styleId="af3">
    <w:name w:val="Hyperlink"/>
    <w:basedOn w:val="a0"/>
    <w:uiPriority w:val="99"/>
    <w:unhideWhenUsed/>
    <w:rsid w:val="00185E8A"/>
    <w:rPr>
      <w:color w:val="0000FF" w:themeColor="hyperlink"/>
      <w:u w:val="single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2439941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45241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F4A13BF8-3EA4-46C8-A2BA-7BBED52318B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3</TotalTime>
  <Pages>1</Pages>
  <Words>16769</Words>
  <Characters>95585</Characters>
  <Application>Microsoft Office Word</Application>
  <DocSecurity>0</DocSecurity>
  <Lines>796</Lines>
  <Paragraphs>224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213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Юлия</dc:creator>
  <cp:lastModifiedBy>s13</cp:lastModifiedBy>
  <cp:revision>12</cp:revision>
  <cp:lastPrinted>2022-11-26T11:53:00Z</cp:lastPrinted>
  <dcterms:created xsi:type="dcterms:W3CDTF">2022-11-28T05:38:00Z</dcterms:created>
  <dcterms:modified xsi:type="dcterms:W3CDTF">2022-12-08T12:22:00Z</dcterms:modified>
</cp:coreProperties>
</file>